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2\02_技術管理グループ（技術）\02_総合評価\05_評価項目等確認用ファイル（事務所通知）\03_８月修正\03_施工\"/>
    </mc:Choice>
  </mc:AlternateContent>
  <bookViews>
    <workbookView xWindow="0" yWindow="0" windowWidth="20490" windowHeight="7470"/>
  </bookViews>
  <sheets>
    <sheet name="R４工事" sheetId="3" r:id="rId1"/>
  </sheets>
  <definedNames>
    <definedName name="_xlnm._FilterDatabase" localSheetId="0" hidden="1">'R４工事'!$A$6:$G$833</definedName>
    <definedName name="_xlnm.Print_Area" localSheetId="0">'R４工事'!$A$1:$G$833</definedName>
    <definedName name="県単公共">#REF!</definedName>
    <definedName name="事務所等名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75" uniqueCount="2720">
  <si>
    <t>しゅんせつ</t>
  </si>
  <si>
    <t>事務所等名</t>
    <rPh sb="0" eb="2">
      <t>ジム</t>
    </rPh>
    <rPh sb="2" eb="4">
      <t>ショナド</t>
    </rPh>
    <rPh sb="4" eb="5">
      <t>メイ</t>
    </rPh>
    <phoneticPr fontId="2"/>
  </si>
  <si>
    <t>工事名</t>
    <rPh sb="0" eb="3">
      <t>コウジメイ</t>
    </rPh>
    <phoneticPr fontId="3"/>
  </si>
  <si>
    <t>路線河川名</t>
    <rPh sb="0" eb="2">
      <t>ロセン</t>
    </rPh>
    <rPh sb="2" eb="4">
      <t>カセン</t>
    </rPh>
    <rPh sb="4" eb="5">
      <t>メイ</t>
    </rPh>
    <phoneticPr fontId="3"/>
  </si>
  <si>
    <t>工事場所</t>
    <rPh sb="0" eb="4">
      <t>コウジバショ</t>
    </rPh>
    <phoneticPr fontId="3"/>
  </si>
  <si>
    <t>県道70号（秦野清川）</t>
  </si>
  <si>
    <t>県道731号（矢倉沢仙石原）</t>
  </si>
  <si>
    <t>南足柄市矢倉沢地内</t>
  </si>
  <si>
    <t>相模川流域下水道　左岸処理場</t>
  </si>
  <si>
    <t>茅ヶ崎市柳島地内</t>
  </si>
  <si>
    <t>平塚市四之宮四丁目地内</t>
  </si>
  <si>
    <t>小田原市西酒匂一丁目地内</t>
  </si>
  <si>
    <t>検査番号</t>
    <rPh sb="0" eb="2">
      <t>ケンサ</t>
    </rPh>
    <rPh sb="2" eb="4">
      <t>バンゴウ</t>
    </rPh>
    <phoneticPr fontId="2"/>
  </si>
  <si>
    <t>受注者名</t>
    <rPh sb="0" eb="3">
      <t>ジュチュウシャ</t>
    </rPh>
    <rPh sb="3" eb="4">
      <t>メイ</t>
    </rPh>
    <phoneticPr fontId="3"/>
  </si>
  <si>
    <t>登録業種</t>
    <rPh sb="0" eb="2">
      <t>トウロク</t>
    </rPh>
    <rPh sb="2" eb="3">
      <t>ギョウ</t>
    </rPh>
    <rPh sb="3" eb="4">
      <t>シュ</t>
    </rPh>
    <phoneticPr fontId="3"/>
  </si>
  <si>
    <t>公　表　用</t>
    <rPh sb="0" eb="1">
      <t>コウ</t>
    </rPh>
    <rPh sb="2" eb="3">
      <t>オモテ</t>
    </rPh>
    <rPh sb="4" eb="5">
      <t>ヨウ</t>
    </rPh>
    <phoneticPr fontId="5"/>
  </si>
  <si>
    <r>
      <t>※工事実績の登録業種は、</t>
    </r>
    <r>
      <rPr>
        <b/>
        <sz val="16"/>
        <color indexed="10"/>
        <rFont val="ＭＳ Ｐゴシック"/>
        <family val="3"/>
        <charset val="128"/>
      </rPr>
      <t>「工事成績評定通知書」によること</t>
    </r>
    <r>
      <rPr>
        <b/>
        <sz val="16"/>
        <rFont val="ＭＳ Ｐゴシック"/>
        <family val="3"/>
        <charset val="128"/>
      </rPr>
      <t>としています。</t>
    </r>
    <rPh sb="1" eb="3">
      <t>コウジ</t>
    </rPh>
    <rPh sb="3" eb="5">
      <t>ジッセキ</t>
    </rPh>
    <rPh sb="6" eb="8">
      <t>トウロク</t>
    </rPh>
    <rPh sb="8" eb="10">
      <t>ギョウシュ</t>
    </rPh>
    <rPh sb="13" eb="15">
      <t>コウジ</t>
    </rPh>
    <rPh sb="15" eb="17">
      <t>セイセキ</t>
    </rPh>
    <rPh sb="17" eb="19">
      <t>ヒョウテイ</t>
    </rPh>
    <rPh sb="19" eb="22">
      <t>ツウチショ</t>
    </rPh>
    <phoneticPr fontId="5"/>
  </si>
  <si>
    <r>
      <t>　 本表は、評価対象工事の</t>
    </r>
    <r>
      <rPr>
        <b/>
        <sz val="16"/>
        <color indexed="10"/>
        <rFont val="ＭＳ Ｐゴシック"/>
        <family val="3"/>
        <charset val="128"/>
      </rPr>
      <t>「登録業種」が不明な場合に補助的に利用</t>
    </r>
    <r>
      <rPr>
        <b/>
        <sz val="16"/>
        <rFont val="ＭＳ Ｐゴシック"/>
        <family val="3"/>
        <charset val="128"/>
      </rPr>
      <t>する資料です。</t>
    </r>
    <rPh sb="2" eb="3">
      <t>ホン</t>
    </rPh>
    <rPh sb="3" eb="4">
      <t>ヒョウ</t>
    </rPh>
    <rPh sb="6" eb="8">
      <t>ヒョウカ</t>
    </rPh>
    <rPh sb="8" eb="10">
      <t>タイショウ</t>
    </rPh>
    <rPh sb="10" eb="12">
      <t>コウジ</t>
    </rPh>
    <rPh sb="14" eb="16">
      <t>トウロク</t>
    </rPh>
    <rPh sb="16" eb="17">
      <t>ギョウ</t>
    </rPh>
    <rPh sb="17" eb="18">
      <t>シュ</t>
    </rPh>
    <rPh sb="18" eb="19">
      <t>シュモク</t>
    </rPh>
    <rPh sb="20" eb="22">
      <t>フメイ</t>
    </rPh>
    <rPh sb="23" eb="25">
      <t>バアイ</t>
    </rPh>
    <rPh sb="26" eb="28">
      <t>ホジョ</t>
    </rPh>
    <rPh sb="28" eb="29">
      <t>テキ</t>
    </rPh>
    <rPh sb="30" eb="32">
      <t>リヨウ</t>
    </rPh>
    <rPh sb="34" eb="36">
      <t>シリョウ</t>
    </rPh>
    <phoneticPr fontId="2"/>
  </si>
  <si>
    <t>※工事名、路線河川名、工事場所等は、簡略化して記載されていることがあります。</t>
    <rPh sb="1" eb="3">
      <t>コウジ</t>
    </rPh>
    <rPh sb="3" eb="4">
      <t>メイ</t>
    </rPh>
    <rPh sb="5" eb="7">
      <t>ロセン</t>
    </rPh>
    <rPh sb="7" eb="9">
      <t>カセン</t>
    </rPh>
    <rPh sb="9" eb="10">
      <t>メイ</t>
    </rPh>
    <rPh sb="11" eb="13">
      <t>コウジ</t>
    </rPh>
    <rPh sb="13" eb="15">
      <t>バショ</t>
    </rPh>
    <rPh sb="15" eb="16">
      <t>トウ</t>
    </rPh>
    <rPh sb="18" eb="21">
      <t>カンリャクカ</t>
    </rPh>
    <rPh sb="23" eb="25">
      <t>キサイ</t>
    </rPh>
    <phoneticPr fontId="5"/>
  </si>
  <si>
    <r>
      <t>※誤りがある場合は、</t>
    </r>
    <r>
      <rPr>
        <b/>
        <sz val="16"/>
        <color indexed="10"/>
        <rFont val="ＭＳ Ｐゴシック"/>
        <family val="3"/>
        <charset val="128"/>
      </rPr>
      <t>技術管理課技術管理ｸﾞﾙｰﾌﾟに、ご連絡ください。電話番号：045-210-6108（直通）</t>
    </r>
    <rPh sb="1" eb="2">
      <t>アヤマ</t>
    </rPh>
    <rPh sb="6" eb="8">
      <t>バアイ</t>
    </rPh>
    <rPh sb="10" eb="12">
      <t>ギジュツ</t>
    </rPh>
    <rPh sb="12" eb="15">
      <t>カンリカ</t>
    </rPh>
    <rPh sb="15" eb="17">
      <t>ギジュツ</t>
    </rPh>
    <rPh sb="17" eb="19">
      <t>カンリ</t>
    </rPh>
    <rPh sb="28" eb="30">
      <t>レンラク</t>
    </rPh>
    <rPh sb="35" eb="37">
      <t>デンワ</t>
    </rPh>
    <rPh sb="37" eb="39">
      <t>バンゴウ</t>
    </rPh>
    <rPh sb="53" eb="55">
      <t>チョクツウ</t>
    </rPh>
    <phoneticPr fontId="5"/>
  </si>
  <si>
    <t>機械器具設置</t>
  </si>
  <si>
    <t>厚木土木事務所</t>
  </si>
  <si>
    <t>一級河川　矢上川</t>
  </si>
  <si>
    <t>地方港湾湘南港</t>
  </si>
  <si>
    <t>藤沢市江の島一丁目地先</t>
  </si>
  <si>
    <t>茅ヶ崎海岸</t>
  </si>
  <si>
    <t>国道138号</t>
  </si>
  <si>
    <t>足柄下郡箱根町仙石原地内</t>
  </si>
  <si>
    <t>マルキョウ建設</t>
  </si>
  <si>
    <t>県道２１０号（浦賀港久里浜停車場）</t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3"/>
  </si>
  <si>
    <t>国道１３４号</t>
    <rPh sb="0" eb="2">
      <t>コクドウ</t>
    </rPh>
    <rPh sb="5" eb="6">
      <t>ゴウ</t>
    </rPh>
    <phoneticPr fontId="2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17"/>
  </si>
  <si>
    <t>横須賀土木事務所　他</t>
  </si>
  <si>
    <t>県道２１５号
（上宮田金田三崎港）</t>
  </si>
  <si>
    <t>国道１３４号</t>
  </si>
  <si>
    <t>平塚土木事務所</t>
  </si>
  <si>
    <t>二級河川　金目川</t>
  </si>
  <si>
    <t>一級河川　小出川</t>
  </si>
  <si>
    <t>茅ヶ崎市下寺尾地先</t>
  </si>
  <si>
    <t>一級河川　千の川</t>
  </si>
  <si>
    <t>一級河川小出川</t>
  </si>
  <si>
    <t>茅ヶ崎市柳島地先外</t>
  </si>
  <si>
    <t>国道412号</t>
    <rPh sb="0" eb="2">
      <t>コクドウ</t>
    </rPh>
    <rPh sb="5" eb="6">
      <t>ゴウ</t>
    </rPh>
    <phoneticPr fontId="8"/>
  </si>
  <si>
    <t>令和３年度　河川維持改修工事　県単（その１）</t>
  </si>
  <si>
    <t>厚木土木事務所東部センター</t>
    <rPh sb="0" eb="2">
      <t>アツギ</t>
    </rPh>
    <rPh sb="2" eb="4">
      <t>ドボク</t>
    </rPh>
    <rPh sb="4" eb="6">
      <t>ジム</t>
    </rPh>
    <rPh sb="6" eb="7">
      <t>ショ</t>
    </rPh>
    <rPh sb="7" eb="9">
      <t>トウブ</t>
    </rPh>
    <phoneticPr fontId="8"/>
  </si>
  <si>
    <t>県道43号（藤沢厚木）</t>
    <rPh sb="0" eb="2">
      <t>ケンドウ</t>
    </rPh>
    <rPh sb="4" eb="5">
      <t>ゴウ</t>
    </rPh>
    <rPh sb="6" eb="8">
      <t>フジサワ</t>
    </rPh>
    <rPh sb="8" eb="10">
      <t>アツギ</t>
    </rPh>
    <phoneticPr fontId="8"/>
  </si>
  <si>
    <t>一級河川永池川</t>
  </si>
  <si>
    <t>県道42号（藤沢座間厚木）</t>
  </si>
  <si>
    <t>国道467号</t>
    <rPh sb="0" eb="2">
      <t>コクドウ</t>
    </rPh>
    <rPh sb="5" eb="6">
      <t>ゴウ</t>
    </rPh>
    <phoneticPr fontId="8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8"/>
  </si>
  <si>
    <t>海老名市大谷地先他</t>
  </si>
  <si>
    <t>二級河川境川</t>
    <rPh sb="0" eb="2">
      <t>ニキュウ</t>
    </rPh>
    <rPh sb="2" eb="4">
      <t>カセン</t>
    </rPh>
    <rPh sb="4" eb="6">
      <t>サカイガワ</t>
    </rPh>
    <phoneticPr fontId="8"/>
  </si>
  <si>
    <t>横浜市瀬谷区橋戸三丁目・大和市深見地先</t>
    <rPh sb="0" eb="3">
      <t>ヨコハマシ</t>
    </rPh>
    <rPh sb="3" eb="6">
      <t>セヤク</t>
    </rPh>
    <rPh sb="6" eb="8">
      <t>ハシド</t>
    </rPh>
    <rPh sb="8" eb="11">
      <t>３チョウメ</t>
    </rPh>
    <rPh sb="12" eb="15">
      <t>ヤマトシ</t>
    </rPh>
    <rPh sb="15" eb="17">
      <t>フカミ</t>
    </rPh>
    <rPh sb="17" eb="19">
      <t>チサキ</t>
    </rPh>
    <phoneticPr fontId="8"/>
  </si>
  <si>
    <t>一級河川串川</t>
    <rPh sb="0" eb="2">
      <t>イッキュウ</t>
    </rPh>
    <rPh sb="2" eb="4">
      <t>カセン</t>
    </rPh>
    <rPh sb="4" eb="6">
      <t>クシカワ</t>
    </rPh>
    <phoneticPr fontId="8"/>
  </si>
  <si>
    <t>相模原市緑区青山地先</t>
    <rPh sb="0" eb="4">
      <t>サガミハラシ</t>
    </rPh>
    <rPh sb="4" eb="6">
      <t>ミドリク</t>
    </rPh>
    <rPh sb="6" eb="8">
      <t>アオヤマ</t>
    </rPh>
    <rPh sb="8" eb="10">
      <t>チサキ</t>
    </rPh>
    <phoneticPr fontId="8"/>
  </si>
  <si>
    <t>県立相模原公園</t>
    <rPh sb="0" eb="2">
      <t>ケンリツ</t>
    </rPh>
    <rPh sb="2" eb="5">
      <t>サガミハラ</t>
    </rPh>
    <rPh sb="5" eb="7">
      <t>コウエン</t>
    </rPh>
    <phoneticPr fontId="8"/>
  </si>
  <si>
    <t>相模原市緑区鳥屋地先</t>
    <rPh sb="0" eb="4">
      <t>サガミハラシ</t>
    </rPh>
    <rPh sb="4" eb="6">
      <t>ミドリク</t>
    </rPh>
    <rPh sb="6" eb="8">
      <t>トヤ</t>
    </rPh>
    <rPh sb="8" eb="10">
      <t>チサキ</t>
    </rPh>
    <phoneticPr fontId="8"/>
  </si>
  <si>
    <t>二級河川　早川</t>
  </si>
  <si>
    <t>足柄下郡箱根町湯本地先</t>
  </si>
  <si>
    <t>二級河川　酒匂川</t>
  </si>
  <si>
    <t>小田原市蓮正寺地先他</t>
  </si>
  <si>
    <t>足柄下郡箱根町仙石原地先</t>
  </si>
  <si>
    <t>小田原海岸</t>
  </si>
  <si>
    <t>小田原市国府津二丁目地先他</t>
  </si>
  <si>
    <t>小田原市中曽根地先</t>
  </si>
  <si>
    <t>足柄下郡箱根町元箱根地内</t>
  </si>
  <si>
    <t>県道740号（小田原湯河原）</t>
  </si>
  <si>
    <t>足柄下郡真鶴町岩地内</t>
  </si>
  <si>
    <t>恩賜箱根公園</t>
  </si>
  <si>
    <t>小田原市前川地先他</t>
  </si>
  <si>
    <t>二級河川　中村川</t>
  </si>
  <si>
    <t>小田原市中村原地先</t>
  </si>
  <si>
    <t>一級河川鶴見川他</t>
  </si>
  <si>
    <t>横浜川崎治水事務所川崎治水センター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rPh sb="9" eb="11">
      <t>カワサキ</t>
    </rPh>
    <rPh sb="11" eb="13">
      <t>チスイ</t>
    </rPh>
    <phoneticPr fontId="8"/>
  </si>
  <si>
    <t>一級河川
鶴見川</t>
    <rPh sb="0" eb="2">
      <t>イッキュウ</t>
    </rPh>
    <rPh sb="2" eb="4">
      <t>カセン</t>
    </rPh>
    <rPh sb="5" eb="7">
      <t>ツルミ</t>
    </rPh>
    <rPh sb="7" eb="8">
      <t>ガワ</t>
    </rPh>
    <phoneticPr fontId="8"/>
  </si>
  <si>
    <t>川崎市麻生区岡上地先</t>
    <rPh sb="0" eb="3">
      <t>カワサキシ</t>
    </rPh>
    <rPh sb="3" eb="6">
      <t>アサオク</t>
    </rPh>
    <rPh sb="6" eb="8">
      <t>オカガミ</t>
    </rPh>
    <rPh sb="8" eb="10">
      <t>チサキ</t>
    </rPh>
    <phoneticPr fontId="8"/>
  </si>
  <si>
    <t>川崎市中原区木月４丁目地先他</t>
  </si>
  <si>
    <t>平Ｂ地区</t>
    <rPh sb="0" eb="1">
      <t>タイラ</t>
    </rPh>
    <rPh sb="2" eb="4">
      <t>チク</t>
    </rPh>
    <phoneticPr fontId="8"/>
  </si>
  <si>
    <t>一級河川
矢上川</t>
  </si>
  <si>
    <t>茅ヶ崎市柳島地内</t>
    <rPh sb="0" eb="4">
      <t>チガサキシ</t>
    </rPh>
    <rPh sb="4" eb="6">
      <t>ヤナギシマ</t>
    </rPh>
    <rPh sb="6" eb="7">
      <t>チ</t>
    </rPh>
    <rPh sb="7" eb="8">
      <t>ナイ</t>
    </rPh>
    <phoneticPr fontId="1"/>
  </si>
  <si>
    <t>三ツ境養護学校</t>
  </si>
  <si>
    <t>横浜市瀬谷区二ツ橋町468</t>
  </si>
  <si>
    <t>茅ヶ崎市南湖7-12869-11</t>
  </si>
  <si>
    <t>秦野市下大槻113</t>
  </si>
  <si>
    <t>塗装</t>
    <rPh sb="0" eb="2">
      <t>トソウ</t>
    </rPh>
    <phoneticPr fontId="8"/>
  </si>
  <si>
    <t>造園</t>
    <rPh sb="0" eb="2">
      <t>ゾウエン</t>
    </rPh>
    <phoneticPr fontId="8"/>
  </si>
  <si>
    <t>電気通信</t>
    <rPh sb="0" eb="2">
      <t>デンキ</t>
    </rPh>
    <rPh sb="2" eb="4">
      <t>ツウシン</t>
    </rPh>
    <phoneticPr fontId="8"/>
  </si>
  <si>
    <t>機械器具設置</t>
    <rPh sb="0" eb="2">
      <t>キカイ</t>
    </rPh>
    <rPh sb="2" eb="4">
      <t>キグ</t>
    </rPh>
    <rPh sb="4" eb="6">
      <t>セッチ</t>
    </rPh>
    <phoneticPr fontId="8"/>
  </si>
  <si>
    <t>建築一式</t>
    <rPh sb="0" eb="2">
      <t>ケンチク</t>
    </rPh>
    <rPh sb="2" eb="3">
      <t>イチ</t>
    </rPh>
    <rPh sb="3" eb="4">
      <t>シキ</t>
    </rPh>
    <phoneticPr fontId="8"/>
  </si>
  <si>
    <t>鋼構造物</t>
    <rPh sb="0" eb="1">
      <t>ハガネ</t>
    </rPh>
    <rPh sb="1" eb="4">
      <t>コウゾウブツ</t>
    </rPh>
    <phoneticPr fontId="8"/>
  </si>
  <si>
    <t>土木一式</t>
    <rPh sb="0" eb="2">
      <t>ドボク</t>
    </rPh>
    <rPh sb="2" eb="3">
      <t>イチ</t>
    </rPh>
    <rPh sb="3" eb="4">
      <t>シキ</t>
    </rPh>
    <phoneticPr fontId="7"/>
  </si>
  <si>
    <t>令和４年度完成工事登録業種一覧表</t>
    <rPh sb="0" eb="2">
      <t>レイワ</t>
    </rPh>
    <rPh sb="3" eb="5">
      <t>ネンド</t>
    </rPh>
    <rPh sb="5" eb="7">
      <t>カンセイ</t>
    </rPh>
    <rPh sb="7" eb="9">
      <t>コウジ</t>
    </rPh>
    <rPh sb="9" eb="11">
      <t>トウロク</t>
    </rPh>
    <rPh sb="11" eb="13">
      <t>ギョウシュ</t>
    </rPh>
    <rPh sb="13" eb="15">
      <t>イチラン</t>
    </rPh>
    <rPh sb="15" eb="16">
      <t>ヒョウ</t>
    </rPh>
    <phoneticPr fontId="5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7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7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8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0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9"/>
  </si>
  <si>
    <t>横須賀土木事務所</t>
    <rPh sb="0" eb="3">
      <t>ヨコスカ</t>
    </rPh>
    <rPh sb="3" eb="5">
      <t>ドボク</t>
    </rPh>
    <rPh sb="5" eb="7">
      <t>ジム</t>
    </rPh>
    <rPh sb="7" eb="8">
      <t>ショ</t>
    </rPh>
    <phoneticPr fontId="2"/>
  </si>
  <si>
    <t>平塚土木事務所</t>
    <rPh sb="0" eb="2">
      <t>ヒラツカ</t>
    </rPh>
    <rPh sb="2" eb="4">
      <t>ドボク</t>
    </rPh>
    <rPh sb="4" eb="6">
      <t>ジム</t>
    </rPh>
    <rPh sb="6" eb="7">
      <t>ショ</t>
    </rPh>
    <phoneticPr fontId="5"/>
  </si>
  <si>
    <t>平塚土木事務所</t>
    <rPh sb="0" eb="7">
      <t>ヒラツカドボクジムショ</t>
    </rPh>
    <phoneticPr fontId="5"/>
  </si>
  <si>
    <t>平塚土木事務所</t>
    <rPh sb="0" eb="2">
      <t>ヒラツカ</t>
    </rPh>
    <rPh sb="2" eb="4">
      <t>ドボク</t>
    </rPh>
    <rPh sb="4" eb="7">
      <t>ジムショ</t>
    </rPh>
    <phoneticPr fontId="5"/>
  </si>
  <si>
    <t>藤沢土木事務所</t>
    <rPh sb="0" eb="2">
      <t>フジサワ</t>
    </rPh>
    <rPh sb="2" eb="4">
      <t>ドボク</t>
    </rPh>
    <rPh sb="4" eb="6">
      <t>ジム</t>
    </rPh>
    <rPh sb="6" eb="7">
      <t>ショ</t>
    </rPh>
    <phoneticPr fontId="5"/>
  </si>
  <si>
    <t>厚木土木事務所</t>
    <rPh sb="0" eb="2">
      <t>アツギ</t>
    </rPh>
    <rPh sb="2" eb="4">
      <t>ドボク</t>
    </rPh>
    <rPh sb="4" eb="6">
      <t>ジム</t>
    </rPh>
    <rPh sb="6" eb="7">
      <t>ショ</t>
    </rPh>
    <phoneticPr fontId="5"/>
  </si>
  <si>
    <t>厚木土木事務所 津久井治水センター</t>
    <rPh sb="0" eb="2">
      <t>アツギ</t>
    </rPh>
    <rPh sb="2" eb="4">
      <t>ドボク</t>
    </rPh>
    <rPh sb="4" eb="7">
      <t>ジムショ</t>
    </rPh>
    <rPh sb="8" eb="11">
      <t>ツクイ</t>
    </rPh>
    <rPh sb="11" eb="13">
      <t>チスイ</t>
    </rPh>
    <phoneticPr fontId="8"/>
  </si>
  <si>
    <t>県西土木事務所</t>
    <rPh sb="0" eb="2">
      <t>ケンセイ</t>
    </rPh>
    <rPh sb="2" eb="4">
      <t>ドボク</t>
    </rPh>
    <rPh sb="4" eb="6">
      <t>ジム</t>
    </rPh>
    <rPh sb="6" eb="7">
      <t>ショ</t>
    </rPh>
    <phoneticPr fontId="5"/>
  </si>
  <si>
    <t>県西土木事務所</t>
    <rPh sb="0" eb="1">
      <t>ケン</t>
    </rPh>
    <rPh sb="1" eb="2">
      <t>セイ</t>
    </rPh>
    <rPh sb="2" eb="4">
      <t>ドボク</t>
    </rPh>
    <rPh sb="4" eb="7">
      <t>ジムショ</t>
    </rPh>
    <phoneticPr fontId="5"/>
  </si>
  <si>
    <t>県西土木事務所</t>
  </si>
  <si>
    <t>県西土木事務所</t>
    <rPh sb="0" eb="7">
      <t>ケンセイドボクジムショ</t>
    </rPh>
    <phoneticPr fontId="10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9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14"/>
  </si>
  <si>
    <t>県西土木事務所小田原土木ｾﾝﾀｰ</t>
    <rPh sb="0" eb="1">
      <t>ケン</t>
    </rPh>
    <rPh sb="1" eb="2">
      <t>ニシ</t>
    </rPh>
    <rPh sb="2" eb="4">
      <t>ドボク</t>
    </rPh>
    <rPh sb="4" eb="6">
      <t>ジム</t>
    </rPh>
    <rPh sb="6" eb="7">
      <t>ショ</t>
    </rPh>
    <phoneticPr fontId="5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5"/>
  </si>
  <si>
    <t>横浜川崎治水事務所</t>
    <rPh sb="0" eb="2">
      <t>ヨコハマ</t>
    </rPh>
    <rPh sb="2" eb="4">
      <t>カワサキ</t>
    </rPh>
    <rPh sb="4" eb="6">
      <t>チスイ</t>
    </rPh>
    <rPh sb="6" eb="8">
      <t>ジム</t>
    </rPh>
    <rPh sb="8" eb="9">
      <t>ショ</t>
    </rPh>
    <phoneticPr fontId="14"/>
  </si>
  <si>
    <t>流域下水道整備事務所</t>
    <rPh sb="0" eb="2">
      <t>リュウイキ</t>
    </rPh>
    <rPh sb="2" eb="5">
      <t>ゲスイドウ</t>
    </rPh>
    <rPh sb="5" eb="7">
      <t>セイビ</t>
    </rPh>
    <rPh sb="7" eb="9">
      <t>ジム</t>
    </rPh>
    <rPh sb="9" eb="10">
      <t>ショ</t>
    </rPh>
    <phoneticPr fontId="10"/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1"/>
  </si>
  <si>
    <t>住宅営繕事務所</t>
    <rPh sb="0" eb="7">
      <t>ジムショ</t>
    </rPh>
    <phoneticPr fontId="5"/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5"/>
  </si>
  <si>
    <t>住宅営繕事務所</t>
    <rPh sb="0" eb="2">
      <t>ジュウタク</t>
    </rPh>
    <rPh sb="2" eb="4">
      <t>エイゼン</t>
    </rPh>
    <rPh sb="4" eb="6">
      <t>ジム</t>
    </rPh>
    <rPh sb="6" eb="7">
      <t>ショ</t>
    </rPh>
    <phoneticPr fontId="8"/>
  </si>
  <si>
    <t>令和２年度　急傾斜地崩壊対策工事（公共）その２　令和３年度　急傾斜地崩壊対策工事（県単）その１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9">
      <t>ネンド</t>
    </rPh>
    <rPh sb="30" eb="40">
      <t>キュウケイシャチホウカイタイサクコウジ</t>
    </rPh>
    <rPh sb="41" eb="42">
      <t>ケン</t>
    </rPh>
    <rPh sb="42" eb="43">
      <t>タン</t>
    </rPh>
    <rPh sb="48" eb="50">
      <t>ガッペイ</t>
    </rPh>
    <phoneticPr fontId="0"/>
  </si>
  <si>
    <t>令和３年度　道路災害防除工事（県単）その１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0"/>
  </si>
  <si>
    <t>令和２年度　交通安全施設等整備工事（公共）その１　令和３年度　交通安全施設等整備工事（県単）その１４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ナド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ナド</t>
    </rPh>
    <rPh sb="38" eb="40">
      <t>セイビ</t>
    </rPh>
    <rPh sb="40" eb="42">
      <t>コウジ</t>
    </rPh>
    <rPh sb="43" eb="45">
      <t>ケンタン</t>
    </rPh>
    <rPh sb="51" eb="53">
      <t>ガッペイ</t>
    </rPh>
    <phoneticPr fontId="27"/>
  </si>
  <si>
    <t>令和２年度　道路災害防除工事（公共）その１　令和３年度　道路災害防除工事（県単）その１８　合併</t>
  </si>
  <si>
    <t>令和３年度　交通安全施設補修工事（県単）その７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5"/>
  </si>
  <si>
    <t>令和３年度　交通安全施設補修工事（県単）その１０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5"/>
  </si>
  <si>
    <t>令和３年度　交通安全施設補修工事（県単）その８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25"/>
  </si>
  <si>
    <t>令和３年度　河川維持改修工事（前金付県債）その１　令和３年度　河川修繕工事（県単）その３４　合併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</t>
    </rPh>
    <rPh sb="18" eb="20">
      <t>ケンサイ</t>
    </rPh>
    <rPh sb="25" eb="27">
      <t>レイワ</t>
    </rPh>
    <rPh sb="28" eb="30">
      <t>ネンド</t>
    </rPh>
    <rPh sb="31" eb="33">
      <t>カセン</t>
    </rPh>
    <rPh sb="33" eb="35">
      <t>シュウゼン</t>
    </rPh>
    <rPh sb="35" eb="37">
      <t>コウジ</t>
    </rPh>
    <rPh sb="38" eb="39">
      <t>ケン</t>
    </rPh>
    <rPh sb="39" eb="40">
      <t>タン</t>
    </rPh>
    <rPh sb="46" eb="48">
      <t>ガッペイ</t>
    </rPh>
    <phoneticPr fontId="25"/>
  </si>
  <si>
    <t>令和３年度　河川修繕工事（前金付県債）その２６　令和３年度　海岸高潮対策工事（前金付県債）その５　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キ</t>
    </rPh>
    <rPh sb="16" eb="18">
      <t>ケンサイ</t>
    </rPh>
    <rPh sb="24" eb="26">
      <t>レイワ</t>
    </rPh>
    <rPh sb="27" eb="29">
      <t>ネンド</t>
    </rPh>
    <rPh sb="30" eb="32">
      <t>カイガン</t>
    </rPh>
    <rPh sb="32" eb="34">
      <t>タカシオ</t>
    </rPh>
    <rPh sb="34" eb="36">
      <t>タイサク</t>
    </rPh>
    <rPh sb="36" eb="38">
      <t>コウジ</t>
    </rPh>
    <rPh sb="39" eb="41">
      <t>マエキン</t>
    </rPh>
    <rPh sb="41" eb="42">
      <t>ツキ</t>
    </rPh>
    <rPh sb="42" eb="44">
      <t>ケンサイ</t>
    </rPh>
    <rPh sb="49" eb="51">
      <t>ガッペイ</t>
    </rPh>
    <phoneticPr fontId="25"/>
  </si>
  <si>
    <t>令和３年度　急傾斜地崩壊対策工事（県単）その１</t>
    <rPh sb="0" eb="2">
      <t>レイワ</t>
    </rPh>
    <rPh sb="3" eb="5">
      <t>ネンド</t>
    </rPh>
    <rPh sb="6" eb="12">
      <t>キュウケイシャチ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25"/>
  </si>
  <si>
    <t>令和３年度　急傾斜地崩壊対策工事（県単）その１</t>
    <rPh sb="6" eb="7">
      <t>キュウ</t>
    </rPh>
    <rPh sb="17" eb="19">
      <t>ケンタン</t>
    </rPh>
    <phoneticPr fontId="25"/>
  </si>
  <si>
    <t>令和３年度　道路補修工事（ゼロ県債）その１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6">
      <t>ケン</t>
    </rPh>
    <rPh sb="16" eb="17">
      <t>サイ</t>
    </rPh>
    <phoneticPr fontId="20"/>
  </si>
  <si>
    <t>令和３年度　道路災害防除工事（県単）その１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20"/>
  </si>
  <si>
    <t>令和３年度　交通安全施設補修工事（ゼロ県債）その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3"/>
  </si>
  <si>
    <t>令和３年度　交通安全施設補修工事（ゼロ県債）その１</t>
  </si>
  <si>
    <t>令和３年度　電線地中化促進工事（公共）その２　令和３年度　電線地中化促進工事（県単）その２　合併</t>
    <rPh sb="23" eb="25">
      <t>レイワ</t>
    </rPh>
    <rPh sb="26" eb="28">
      <t>ネンド</t>
    </rPh>
    <rPh sb="29" eb="31">
      <t>デンセン</t>
    </rPh>
    <rPh sb="31" eb="34">
      <t>チチュウカ</t>
    </rPh>
    <rPh sb="34" eb="36">
      <t>ソクシン</t>
    </rPh>
    <rPh sb="36" eb="38">
      <t>コウジ</t>
    </rPh>
    <rPh sb="46" eb="48">
      <t>ガッペイ</t>
    </rPh>
    <phoneticPr fontId="20"/>
  </si>
  <si>
    <t>令和３年度　交通安全施設補修工事（ゼロ県債）その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20"/>
  </si>
  <si>
    <t>令和３年度　海岸補修工事（ゼロ県債）その１</t>
    <rPh sb="0" eb="2">
      <t>レイワ</t>
    </rPh>
    <rPh sb="3" eb="5">
      <t>ネンド</t>
    </rPh>
    <rPh sb="6" eb="12">
      <t>カイガンホシュウコウジ</t>
    </rPh>
    <rPh sb="15" eb="17">
      <t>ケンサイ</t>
    </rPh>
    <phoneticPr fontId="20"/>
  </si>
  <si>
    <t>令和３年度　道路補修工事（ゼロ県債）その１</t>
    <rPh sb="16" eb="17">
      <t>サイ</t>
    </rPh>
    <phoneticPr fontId="22"/>
  </si>
  <si>
    <t>令和２年度　道路災害防除工事（公共）その１　令和３年度　道路災害防除工事（県単）その１７　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ドウロ</t>
    </rPh>
    <rPh sb="30" eb="36">
      <t>サイガイボウジョコウジ</t>
    </rPh>
    <rPh sb="37" eb="38">
      <t>ケン</t>
    </rPh>
    <rPh sb="38" eb="39">
      <t>タン</t>
    </rPh>
    <rPh sb="45" eb="47">
      <t>ガッペイ</t>
    </rPh>
    <phoneticPr fontId="22"/>
  </si>
  <si>
    <t>令和３年度　道路災害防除工事（公共）その１　令和３年度　道路補修工事（県単）その８４　合併</t>
    <rPh sb="6" eb="14">
      <t>ドウロサイガイボウジョコウジ</t>
    </rPh>
    <rPh sb="15" eb="17">
      <t>コウキョウ</t>
    </rPh>
    <rPh sb="22" eb="24">
      <t>レイワ</t>
    </rPh>
    <rPh sb="25" eb="27">
      <t>ネンド</t>
    </rPh>
    <rPh sb="28" eb="30">
      <t>ドウロ</t>
    </rPh>
    <rPh sb="30" eb="32">
      <t>ホシュウ</t>
    </rPh>
    <rPh sb="32" eb="34">
      <t>コウジ</t>
    </rPh>
    <rPh sb="35" eb="36">
      <t>ケン</t>
    </rPh>
    <rPh sb="36" eb="37">
      <t>タン</t>
    </rPh>
    <rPh sb="43" eb="45">
      <t>ガッペイ</t>
    </rPh>
    <phoneticPr fontId="22"/>
  </si>
  <si>
    <t>令和３年度　交通安全施設補修工事（ゼロ県債）その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22"/>
  </si>
  <si>
    <t>令和２年度　街路整備工事（公共）その２（県単）その１４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0" eb="21">
      <t>ケン</t>
    </rPh>
    <rPh sb="21" eb="22">
      <t>タン</t>
    </rPh>
    <phoneticPr fontId="7"/>
  </si>
  <si>
    <t>令和３年度　河川改修工事（前金付県債）その４</t>
    <rPh sb="0" eb="2">
      <t>レイワ</t>
    </rPh>
    <rPh sb="3" eb="5">
      <t>ネンド</t>
    </rPh>
    <rPh sb="6" eb="8">
      <t>カセン</t>
    </rPh>
    <rPh sb="8" eb="12">
      <t>カイシュウコウジ</t>
    </rPh>
    <rPh sb="13" eb="16">
      <t>マエキンツ</t>
    </rPh>
    <rPh sb="16" eb="18">
      <t>ケンサイ</t>
    </rPh>
    <phoneticPr fontId="22"/>
  </si>
  <si>
    <t>令和３年度　都市公園整備工事（公共）その３　令和３年度　公園整備工事（県単）その２１　令和４年度　公園整備工事（県単）その１０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レイワ</t>
    </rPh>
    <rPh sb="46" eb="48">
      <t>ネンド</t>
    </rPh>
    <rPh sb="49" eb="51">
      <t>コウエン</t>
    </rPh>
    <rPh sb="51" eb="53">
      <t>セイビ</t>
    </rPh>
    <rPh sb="53" eb="55">
      <t>コウジ</t>
    </rPh>
    <rPh sb="56" eb="57">
      <t>ケン</t>
    </rPh>
    <rPh sb="57" eb="58">
      <t>タン</t>
    </rPh>
    <rPh sb="64" eb="66">
      <t>ガッペイ</t>
    </rPh>
    <phoneticPr fontId="26"/>
  </si>
  <si>
    <t>令和３年度　海岸高潮対策工事（ｼｮｰﾄ債務・公共）その２　令和３年度　受託海岸工事（ｼｮｰﾄ債務）その１　令和４年度　海岸高潮対策工事（県単）その１　合併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9" eb="21">
      <t>サイム</t>
    </rPh>
    <rPh sb="22" eb="24">
      <t>コウキョウ</t>
    </rPh>
    <rPh sb="29" eb="31">
      <t>レイワ</t>
    </rPh>
    <rPh sb="32" eb="34">
      <t>ネンド</t>
    </rPh>
    <rPh sb="35" eb="37">
      <t>ジュタク</t>
    </rPh>
    <rPh sb="37" eb="39">
      <t>カイガン</t>
    </rPh>
    <rPh sb="39" eb="41">
      <t>コウジ</t>
    </rPh>
    <rPh sb="46" eb="48">
      <t>サイム</t>
    </rPh>
    <rPh sb="53" eb="55">
      <t>レイワ</t>
    </rPh>
    <rPh sb="56" eb="58">
      <t>ネンド</t>
    </rPh>
    <rPh sb="59" eb="61">
      <t>カイガン</t>
    </rPh>
    <rPh sb="61" eb="63">
      <t>タカシオ</t>
    </rPh>
    <rPh sb="63" eb="65">
      <t>タイサク</t>
    </rPh>
    <rPh sb="65" eb="67">
      <t>コウジ</t>
    </rPh>
    <rPh sb="68" eb="69">
      <t>ケン</t>
    </rPh>
    <rPh sb="69" eb="70">
      <t>タン</t>
    </rPh>
    <rPh sb="75" eb="77">
      <t>ガッペイ</t>
    </rPh>
    <phoneticPr fontId="26"/>
  </si>
  <si>
    <t>令和３年度　防災砂防工事（前金付県債）その２</t>
    <rPh sb="0" eb="2">
      <t>レイワ</t>
    </rPh>
    <rPh sb="3" eb="5">
      <t>ネンド</t>
    </rPh>
    <rPh sb="6" eb="8">
      <t>ボウサイ</t>
    </rPh>
    <rPh sb="8" eb="10">
      <t>サボウ</t>
    </rPh>
    <rPh sb="10" eb="12">
      <t>コウジ</t>
    </rPh>
    <rPh sb="13" eb="15">
      <t>マエキン</t>
    </rPh>
    <rPh sb="15" eb="16">
      <t>ツキ</t>
    </rPh>
    <rPh sb="16" eb="18">
      <t>ケンサイ</t>
    </rPh>
    <phoneticPr fontId="26"/>
  </si>
  <si>
    <t>令和３年度　災害復旧工事(公共)その１　令和３年度　河川修繕工事(県単)その１６　合併</t>
    <rPh sb="0" eb="2">
      <t>レイワ</t>
    </rPh>
    <rPh sb="3" eb="5">
      <t>ネン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カセン</t>
    </rPh>
    <rPh sb="28" eb="30">
      <t>シュウゼン</t>
    </rPh>
    <rPh sb="30" eb="32">
      <t>コウジ</t>
    </rPh>
    <rPh sb="33" eb="34">
      <t>ケン</t>
    </rPh>
    <rPh sb="34" eb="35">
      <t>タン</t>
    </rPh>
    <rPh sb="41" eb="43">
      <t>ガッペイ</t>
    </rPh>
    <phoneticPr fontId="26"/>
  </si>
  <si>
    <t>令和３年度　急傾斜地崩壊対策工事（公共）その２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26"/>
  </si>
  <si>
    <t>令和２年度　急傾斜地崩壊対策工事（公共）その３　令和３年度　急傾斜地崩壊対策工事（公共）その１　合併</t>
    <rPh sb="0" eb="2">
      <t>レイワ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48" eb="50">
      <t>ガッペイ</t>
    </rPh>
    <phoneticPr fontId="0"/>
  </si>
  <si>
    <t>令和３年度　急傾斜地崩壊対策工事（公共）その１</t>
    <rPh sb="0" eb="2">
      <t>レイワ</t>
    </rPh>
    <rPh sb="3" eb="5">
      <t>ネンド</t>
    </rPh>
    <rPh sb="6" eb="12">
      <t>キュウケイシャチホウカイ</t>
    </rPh>
    <rPh sb="12" eb="14">
      <t>タイサク</t>
    </rPh>
    <rPh sb="14" eb="16">
      <t>コウジ</t>
    </rPh>
    <rPh sb="17" eb="19">
      <t>コウキョウ</t>
    </rPh>
    <phoneticPr fontId="0"/>
  </si>
  <si>
    <t>令和３年度　急傾斜地崩壊対策工事(ショート債務・公共)その１　令和４年度　急傾斜地崩壊対策工事（県単）その１　合併</t>
    <rPh sb="6" eb="7">
      <t>キュウ</t>
    </rPh>
    <rPh sb="21" eb="23">
      <t>サイム</t>
    </rPh>
    <rPh sb="24" eb="26">
      <t>コウキョウ</t>
    </rPh>
    <rPh sb="31" eb="33">
      <t>レイワ</t>
    </rPh>
    <rPh sb="34" eb="36">
      <t>ネンド</t>
    </rPh>
    <rPh sb="37" eb="38">
      <t>キュウ</t>
    </rPh>
    <rPh sb="38" eb="41">
      <t>ケイシャチ</t>
    </rPh>
    <rPh sb="41" eb="43">
      <t>ホウカイ</t>
    </rPh>
    <rPh sb="43" eb="45">
      <t>タイサク</t>
    </rPh>
    <rPh sb="45" eb="47">
      <t>コウジ</t>
    </rPh>
    <rPh sb="48" eb="49">
      <t>ケン</t>
    </rPh>
    <rPh sb="49" eb="50">
      <t>タン</t>
    </rPh>
    <rPh sb="55" eb="57">
      <t>ガッペイ</t>
    </rPh>
    <phoneticPr fontId="0"/>
  </si>
  <si>
    <t>令和３年度　交通安全施設等整備工事（公共）その１　令和３年度　交通安全施設等整備工事（県単）その１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ケンタン</t>
    </rPh>
    <rPh sb="50" eb="52">
      <t>ガッペイ</t>
    </rPh>
    <phoneticPr fontId="0"/>
  </si>
  <si>
    <t>令和４年度　急傾斜地崩壊対策工事（県単）その１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7" eb="19">
      <t>ケンタン</t>
    </rPh>
    <phoneticPr fontId="16"/>
  </si>
  <si>
    <t>令和３年度　道路補修工事（公共）その１　令和４年度　道路補修工事（県単）その１7　合併</t>
  </si>
  <si>
    <t>令和３年度　道路補修工事（公共）その１　令和４年度　道路補修工事（県単）その１8　合併</t>
  </si>
  <si>
    <t>令和３年度　道路補修工事（公共）その１　令和４年度　道路補修工事（県単）その１５　合併</t>
  </si>
  <si>
    <t>令和３年度　道路補修工事（公共）その１　令和４年度　道路補修工事（県単）その１６　合併</t>
  </si>
  <si>
    <t>令和３年度　道路補修工事（公共）その１　令和４年度　道路補修工事（県単）その１４　合併</t>
    <rPh sb="41" eb="43">
      <t>ガッペイ</t>
    </rPh>
    <phoneticPr fontId="0"/>
  </si>
  <si>
    <t>令和３年度　都市公園整備工事(公共)その４　令和４年度　公園整備工事(県単)その３　令和４年度　都市公園整備工事（公共）その６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2" eb="44">
      <t>レイワ</t>
    </rPh>
    <rPh sb="45" eb="47">
      <t>ネンド</t>
    </rPh>
    <rPh sb="48" eb="50">
      <t>トシ</t>
    </rPh>
    <rPh sb="50" eb="52">
      <t>コウエン</t>
    </rPh>
    <rPh sb="52" eb="54">
      <t>セイビ</t>
    </rPh>
    <rPh sb="54" eb="56">
      <t>コウジ</t>
    </rPh>
    <rPh sb="57" eb="59">
      <t>コウキョウ</t>
    </rPh>
    <rPh sb="64" eb="66">
      <t>ガッペイ</t>
    </rPh>
    <phoneticPr fontId="0"/>
  </si>
  <si>
    <t>令和２年度　海岸高潮対策工事（公共）その４　令和３年度　海岸高潮対策工事（県単）その４　令和４年度　海岸高潮対策工事（県単）その７　合併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カイガン</t>
    </rPh>
    <rPh sb="30" eb="32">
      <t>タカシオ</t>
    </rPh>
    <rPh sb="32" eb="34">
      <t>タイサク</t>
    </rPh>
    <rPh sb="34" eb="36">
      <t>コウジ</t>
    </rPh>
    <rPh sb="37" eb="38">
      <t>ケン</t>
    </rPh>
    <rPh sb="38" eb="39">
      <t>タン</t>
    </rPh>
    <rPh sb="44" eb="46">
      <t>レイワ</t>
    </rPh>
    <rPh sb="47" eb="49">
      <t>ネンド</t>
    </rPh>
    <rPh sb="50" eb="58">
      <t>カイガンタカシオタイサクコウジ</t>
    </rPh>
    <rPh sb="59" eb="60">
      <t>ケン</t>
    </rPh>
    <rPh sb="60" eb="61">
      <t>タン</t>
    </rPh>
    <rPh sb="66" eb="68">
      <t>ガッペイ</t>
    </rPh>
    <phoneticPr fontId="0"/>
  </si>
  <si>
    <t>令和４年度　急傾斜地崩壊対策工事（県単）その１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0"/>
  </si>
  <si>
    <t>令和３年度　急傾斜地崩壊対策工事（ショート債務）その２</t>
    <rPh sb="0" eb="2">
      <t>レイワ</t>
    </rPh>
    <rPh sb="3" eb="5">
      <t>ネンド</t>
    </rPh>
    <rPh sb="6" eb="16">
      <t>キュウケイシャチホウカイタイサクコウジ</t>
    </rPh>
    <rPh sb="21" eb="23">
      <t>サイム</t>
    </rPh>
    <phoneticPr fontId="0"/>
  </si>
  <si>
    <t>令和４年度　急傾斜地崩壊対策工事（県単）その１</t>
  </si>
  <si>
    <t>令和４年度　急傾斜地崩壊対策工事（県単）その１</t>
    <rPh sb="0" eb="2">
      <t>レイワ</t>
    </rPh>
    <rPh sb="3" eb="5">
      <t>ネンド</t>
    </rPh>
    <rPh sb="6" eb="12">
      <t>キュウケイシャチ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0"/>
  </si>
  <si>
    <t>令和４年度　急傾斜地崩壊対策工事（公共）その１　令和４年度　急傾斜地崩壊対策工事（県単）その１　合併</t>
    <rPh sb="17" eb="19">
      <t>コウキョウ</t>
    </rPh>
    <rPh sb="41" eb="43">
      <t>ケンタン</t>
    </rPh>
    <rPh sb="48" eb="50">
      <t>ガッペイ</t>
    </rPh>
    <phoneticPr fontId="0"/>
  </si>
  <si>
    <t>令和３年度　急傾斜地崩壊対策工事（公共）その３</t>
    <rPh sb="6" eb="7">
      <t>キュウ</t>
    </rPh>
    <rPh sb="17" eb="19">
      <t>コウキョウ</t>
    </rPh>
    <phoneticPr fontId="0"/>
  </si>
  <si>
    <t>令和４年度　急傾斜地崩壊対策工事（県単）その１</t>
    <rPh sb="17" eb="18">
      <t>ケン</t>
    </rPh>
    <rPh sb="18" eb="19">
      <t>タン</t>
    </rPh>
    <phoneticPr fontId="0"/>
  </si>
  <si>
    <t>令和３年度　急傾斜地崩壊対策工事（公共）その３</t>
    <rPh sb="0" eb="2">
      <t>レイワ</t>
    </rPh>
    <rPh sb="3" eb="4">
      <t>ネン</t>
    </rPh>
    <rPh sb="4" eb="5">
      <t>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0"/>
  </si>
  <si>
    <t>令和３年度　交通安全施設等整備工事（公共）その２　令和４年度　交通安全施設等整備工事（公共）その４　令和４年度　交通安全施設補修工事（県単）その３３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2">
      <t>レイワ</t>
    </rPh>
    <rPh sb="53" eb="55">
      <t>ネンド</t>
    </rPh>
    <rPh sb="56" eb="58">
      <t>コウツウ</t>
    </rPh>
    <rPh sb="58" eb="60">
      <t>アンゼン</t>
    </rPh>
    <rPh sb="60" eb="62">
      <t>シセツ</t>
    </rPh>
    <rPh sb="62" eb="64">
      <t>ホシュウ</t>
    </rPh>
    <rPh sb="64" eb="66">
      <t>コウジ</t>
    </rPh>
    <rPh sb="67" eb="68">
      <t>ケン</t>
    </rPh>
    <rPh sb="68" eb="69">
      <t>タン</t>
    </rPh>
    <rPh sb="75" eb="77">
      <t>ガッペイ</t>
    </rPh>
    <phoneticPr fontId="18"/>
  </si>
  <si>
    <t>令和３年度　交通安全施設等整備工事（公共）その１　令和４年度　交通安全施設等整備工事（公共）その３　令和４年度　交通安全施設補修工事（県単）その３２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5">
      <t>コウキョウ</t>
    </rPh>
    <rPh sb="50" eb="52">
      <t>レイワ</t>
    </rPh>
    <rPh sb="53" eb="55">
      <t>ネンド</t>
    </rPh>
    <rPh sb="56" eb="58">
      <t>コウツウ</t>
    </rPh>
    <rPh sb="58" eb="60">
      <t>アンゼン</t>
    </rPh>
    <rPh sb="60" eb="62">
      <t>シセツ</t>
    </rPh>
    <rPh sb="62" eb="64">
      <t>ホシュウ</t>
    </rPh>
    <rPh sb="64" eb="66">
      <t>コウジ</t>
    </rPh>
    <rPh sb="67" eb="68">
      <t>ケン</t>
    </rPh>
    <rPh sb="68" eb="69">
      <t>タン</t>
    </rPh>
    <rPh sb="75" eb="77">
      <t>ガッペイ</t>
    </rPh>
    <phoneticPr fontId="18"/>
  </si>
  <si>
    <t>令和３年度　急傾斜地崩壊対策工事（公共）その１　令和４年度　急傾斜地崩壊対策工事（県単）その１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9">
      <t>ネンド</t>
    </rPh>
    <rPh sb="30" eb="40">
      <t>キュウケイシャチホウカイタイサクコウジ</t>
    </rPh>
    <rPh sb="41" eb="43">
      <t>ケンタン</t>
    </rPh>
    <rPh sb="48" eb="50">
      <t>ガッペイ</t>
    </rPh>
    <phoneticPr fontId="18"/>
  </si>
  <si>
    <t>令和３年度　急傾斜地崩壊対策工事（公共）その２　令和４年度　急傾斜地崩壊対策工事（公共）その１　令和４年度　急傾斜地崩壊対策工事（県単）その１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48" eb="50">
      <t>レイワ</t>
    </rPh>
    <rPh sb="51" eb="53">
      <t>ネンド</t>
    </rPh>
    <rPh sb="54" eb="64">
      <t>キュウケイシャチホウカイタイサクコウジ</t>
    </rPh>
    <rPh sb="65" eb="67">
      <t>ケンタン</t>
    </rPh>
    <rPh sb="72" eb="74">
      <t>ガッペイ</t>
    </rPh>
    <phoneticPr fontId="18"/>
  </si>
  <si>
    <t>令和４年度　道路補修工事（県単）その１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9"/>
  </si>
  <si>
    <t>令和４年度　交通安全施設補修工事（県単）その４８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19"/>
  </si>
  <si>
    <t>令和４年度　急傾斜地崩壊対策工事（公共）その１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7" eb="19">
      <t>コウキョウ</t>
    </rPh>
    <phoneticPr fontId="19"/>
  </si>
  <si>
    <t>令和４年度　急傾斜地崩壊対策工事（県単）その１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7" eb="18">
      <t>ケン</t>
    </rPh>
    <rPh sb="18" eb="19">
      <t>タン</t>
    </rPh>
    <phoneticPr fontId="19"/>
  </si>
  <si>
    <t>令和４年度　急傾斜地施設改良工事（県単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9">
      <t>ケンタン</t>
    </rPh>
    <phoneticPr fontId="19"/>
  </si>
  <si>
    <t>令和４年度　急傾斜地崩壊対策工事（県単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9"/>
  </si>
  <si>
    <t>令和４年度　急傾斜地崩壊対策工事（公共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9"/>
  </si>
  <si>
    <t>令和３年度　急傾斜地崩壊対策工事（公共）その１</t>
    <rPh sb="0" eb="2">
      <t>レイワ</t>
    </rPh>
    <rPh sb="3" eb="4">
      <t>ネン</t>
    </rPh>
    <rPh sb="4" eb="5">
      <t>ド</t>
    </rPh>
    <rPh sb="6" eb="16">
      <t>キュウケイシャチホウカイタイサクコウジ</t>
    </rPh>
    <rPh sb="17" eb="19">
      <t>コウキョウ</t>
    </rPh>
    <phoneticPr fontId="19"/>
  </si>
  <si>
    <t>令和４年度　急傾斜地崩壊対策工事（県単）その１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19"/>
  </si>
  <si>
    <t>令和３年度　急傾斜地崩壊対策工事（公共）その２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9"/>
  </si>
  <si>
    <t>令和４年度　道路災害防除工事（県単）その１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0"/>
  </si>
  <si>
    <t>令和４年度　道路補修工事（県単）その５５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0"/>
  </si>
  <si>
    <t>令和３年度　道路災害防除工事（公共）その１　令和４年度　道路災害防除工事（県単）その５１　合併</t>
    <rPh sb="8" eb="10">
      <t>サイガイ</t>
    </rPh>
    <rPh sb="10" eb="12">
      <t>ボウジョ</t>
    </rPh>
    <rPh sb="15" eb="17">
      <t>コウキョウ</t>
    </rPh>
    <rPh sb="45" eb="47">
      <t>ガッペイ</t>
    </rPh>
    <phoneticPr fontId="0"/>
  </si>
  <si>
    <t>令和４年度　橋りょう補修工事（公共）その１　令和４年度　橋りょう補修工事（県単）その７　合併</t>
  </si>
  <si>
    <t>令和４年度　交通安全施設補修工事（県単）その６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0"/>
  </si>
  <si>
    <t>令和３年度　電線地中化促進工事（公共）その１　令和４年度　電線地中化促進工事（県単）その２　合併</t>
    <rPh sb="0" eb="2">
      <t>レイワ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5">
      <t>レイワ</t>
    </rPh>
    <rPh sb="26" eb="28">
      <t>ネンド</t>
    </rPh>
    <rPh sb="29" eb="31">
      <t>デンセン</t>
    </rPh>
    <rPh sb="31" eb="34">
      <t>チチュウカ</t>
    </rPh>
    <rPh sb="34" eb="36">
      <t>ソクシン</t>
    </rPh>
    <rPh sb="36" eb="38">
      <t>コウジ</t>
    </rPh>
    <rPh sb="39" eb="41">
      <t>ケンタン</t>
    </rPh>
    <rPh sb="46" eb="48">
      <t>ガッペイ</t>
    </rPh>
    <phoneticPr fontId="0"/>
  </si>
  <si>
    <t>令和４年度　交通安全施設補修工事（県単）　その４１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9">
      <t>ケンタン</t>
    </rPh>
    <phoneticPr fontId="21"/>
  </si>
  <si>
    <t>令和４年度　都市公園整備工事（公共）その１　令和４年度　公園整備工事（県単）その２１　令和３年度　公園整備工事（県単）その２０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レイワ</t>
    </rPh>
    <rPh sb="46" eb="48">
      <t>ネンド</t>
    </rPh>
    <rPh sb="49" eb="51">
      <t>コウエン</t>
    </rPh>
    <rPh sb="51" eb="53">
      <t>セイビ</t>
    </rPh>
    <rPh sb="53" eb="55">
      <t>コウジ</t>
    </rPh>
    <rPh sb="56" eb="57">
      <t>ケン</t>
    </rPh>
    <rPh sb="57" eb="58">
      <t>タン</t>
    </rPh>
    <rPh sb="64" eb="66">
      <t>ガッペイ</t>
    </rPh>
    <phoneticPr fontId="0"/>
  </si>
  <si>
    <t>令和３年度　公園整備工事（県単）その１　令和４年度　公園整備工事（県単）その１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rPh sb="20" eb="22">
      <t>レイワ</t>
    </rPh>
    <rPh sb="23" eb="25">
      <t>ネンド</t>
    </rPh>
    <rPh sb="26" eb="28">
      <t>コウエン</t>
    </rPh>
    <rPh sb="28" eb="30">
      <t>セイビ</t>
    </rPh>
    <rPh sb="30" eb="32">
      <t>コウジ</t>
    </rPh>
    <rPh sb="33" eb="34">
      <t>ケン</t>
    </rPh>
    <rPh sb="34" eb="35">
      <t>タン</t>
    </rPh>
    <rPh sb="40" eb="42">
      <t>ガッペイ</t>
    </rPh>
    <phoneticPr fontId="0"/>
  </si>
  <si>
    <t xml:space="preserve">令和４年度　街路整備工事 (公共)その２　令和４年度　街路整備工事（県単）その４　合併
</t>
  </si>
  <si>
    <t>令和４年度　水防情報基盤緊急整備工事（県単）その２</t>
  </si>
  <si>
    <t>令和３年度　河川修繕工事（前金付県債）その２７</t>
  </si>
  <si>
    <t>令和４年度　河川改修工事（公共）その３　令和４年度　河川改修工事（県単）その２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カセン</t>
    </rPh>
    <rPh sb="28" eb="30">
      <t>カイシュウ</t>
    </rPh>
    <rPh sb="30" eb="32">
      <t>コウジ</t>
    </rPh>
    <rPh sb="33" eb="34">
      <t>ケン</t>
    </rPh>
    <rPh sb="34" eb="35">
      <t>タン</t>
    </rPh>
    <rPh sb="40" eb="42">
      <t>ガッペイ</t>
    </rPh>
    <phoneticPr fontId="0"/>
  </si>
  <si>
    <t>令和４年度　急傾斜地崩壊対策工事（県単）その１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0"/>
  </si>
  <si>
    <t>令和３年度　急傾斜地崩壊対策工事（公共）その２</t>
  </si>
  <si>
    <t>令和４年度　急傾斜地施設改良工事（県単）その１</t>
    <rPh sb="10" eb="12">
      <t>シセツ</t>
    </rPh>
    <rPh sb="12" eb="14">
      <t>カイリョウ</t>
    </rPh>
    <rPh sb="17" eb="19">
      <t>ケンタン</t>
    </rPh>
    <phoneticPr fontId="0"/>
  </si>
  <si>
    <t>令和４年度　急傾斜地崩壊対策工事（公共）その１</t>
  </si>
  <si>
    <t>令和３年度　急傾斜地崩壊対策工事（公共）その１</t>
  </si>
  <si>
    <t>令和３年度　急傾斜地崩壊対策工事（公共）その２　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0"/>
  </si>
  <si>
    <t>令和３年度　急傾斜地崩壊対策工事（公共）その１　令和４年度　急傾斜地崩壊対策工事（県単）その１　合併　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34" eb="36">
      <t>ホウカイ</t>
    </rPh>
    <rPh sb="36" eb="38">
      <t>タイサク</t>
    </rPh>
    <rPh sb="38" eb="40">
      <t>コウジ</t>
    </rPh>
    <rPh sb="41" eb="42">
      <t>ケン</t>
    </rPh>
    <rPh sb="42" eb="43">
      <t>タン</t>
    </rPh>
    <rPh sb="48" eb="50">
      <t>ガッペイ</t>
    </rPh>
    <phoneticPr fontId="0"/>
  </si>
  <si>
    <t>令和３年度　急傾斜地崩壊対策工事（公共）その３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0"/>
  </si>
  <si>
    <t>令和３年度　急傾斜地崩壊対策工事（公共）その１　令和４年度　急傾斜地崩壊対策工事（公共）その１　合併　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34" eb="36">
      <t>ホウカイ</t>
    </rPh>
    <rPh sb="36" eb="38">
      <t>タイサク</t>
    </rPh>
    <rPh sb="38" eb="40">
      <t>コウジ</t>
    </rPh>
    <rPh sb="41" eb="43">
      <t>コウキョウ</t>
    </rPh>
    <rPh sb="48" eb="50">
      <t>ガッペイ</t>
    </rPh>
    <phoneticPr fontId="0"/>
  </si>
  <si>
    <t>令和４年度　急傾斜地崩壊対策工事（県単）その１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0"/>
  </si>
  <si>
    <t>令和３年度　急傾斜地崩壊対策工事（公共）その２　令和４年度　急傾斜地崩壊対策工事（公共）その１　合併　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34" eb="36">
      <t>ホウカイ</t>
    </rPh>
    <rPh sb="36" eb="38">
      <t>タイサク</t>
    </rPh>
    <rPh sb="38" eb="40">
      <t>コウジ</t>
    </rPh>
    <rPh sb="41" eb="43">
      <t>コウキョウ</t>
    </rPh>
    <rPh sb="48" eb="50">
      <t>ガッペイ</t>
    </rPh>
    <phoneticPr fontId="0"/>
  </si>
  <si>
    <t>令和３年度　急傾斜地崩壊対策工事（公共）その２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0"/>
  </si>
  <si>
    <t>令和４年度　急傾斜地崩壊対策工事（県単）その１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0"/>
  </si>
  <si>
    <t>令和３年度　河川改修工事　公共（その１）　県単（その１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2">
      <t>ケン</t>
    </rPh>
    <rPh sb="22" eb="23">
      <t>タン</t>
    </rPh>
    <phoneticPr fontId="5"/>
  </si>
  <si>
    <t>令和２年度　海岸高潮対策工事　県単(その７)令和３年度　海岸高潮対策工事　県単(その２)　合併</t>
    <rPh sb="0" eb="2">
      <t>レイワ</t>
    </rPh>
    <rPh sb="3" eb="4">
      <t>ネン</t>
    </rPh>
    <rPh sb="4" eb="5">
      <t>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6">
      <t>ケン</t>
    </rPh>
    <rPh sb="16" eb="17">
      <t>タン</t>
    </rPh>
    <rPh sb="22" eb="24">
      <t>レイワ</t>
    </rPh>
    <rPh sb="25" eb="26">
      <t>ネン</t>
    </rPh>
    <rPh sb="26" eb="27">
      <t>ド</t>
    </rPh>
    <rPh sb="28" eb="36">
      <t>カイガンタカシオタイサクコウジ</t>
    </rPh>
    <rPh sb="37" eb="38">
      <t>ケン</t>
    </rPh>
    <rPh sb="38" eb="39">
      <t>タン</t>
    </rPh>
    <rPh sb="45" eb="47">
      <t>ガッペイ</t>
    </rPh>
    <phoneticPr fontId="5"/>
  </si>
  <si>
    <t>令和３年度　道路改良工事　公共（その３）県単（その３）</t>
    <rPh sb="13" eb="15">
      <t>コウキョウ</t>
    </rPh>
    <rPh sb="20" eb="21">
      <t>ケン</t>
    </rPh>
    <rPh sb="21" eb="22">
      <t>タン</t>
    </rPh>
    <phoneticPr fontId="5"/>
  </si>
  <si>
    <t>令和３年度　道路改良工事　公共（その２）県単（その５）</t>
    <rPh sb="13" eb="15">
      <t>コウキョウ</t>
    </rPh>
    <rPh sb="20" eb="21">
      <t>ケン</t>
    </rPh>
    <rPh sb="21" eb="22">
      <t>タン</t>
    </rPh>
    <phoneticPr fontId="5"/>
  </si>
  <si>
    <t>令和３年度　交通安全施設補修工事　県単（その38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5"/>
  </si>
  <si>
    <t>令和３年度　急傾斜地崩壊対策工事　県単（その６）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phoneticPr fontId="5"/>
  </si>
  <si>
    <t>令和３年度　交通安全施設等整備工事　公共（その３）県単（その４）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6">
      <t>ケン</t>
    </rPh>
    <rPh sb="26" eb="27">
      <t>タン</t>
    </rPh>
    <phoneticPr fontId="5"/>
  </si>
  <si>
    <t>令和３年度　交通安全施設等整備工事　公共（その１）令和３年度　交通安全施設補修工事　県単（その２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3">
      <t>ケン</t>
    </rPh>
    <rPh sb="43" eb="44">
      <t>タン</t>
    </rPh>
    <rPh sb="49" eb="51">
      <t>ガッペイ</t>
    </rPh>
    <phoneticPr fontId="5"/>
  </si>
  <si>
    <t>令和３年度　交通安全施設補修工事　県単（その１）</t>
    <rPh sb="0" eb="2">
      <t>レイワ</t>
    </rPh>
    <rPh sb="3" eb="5">
      <t>ネンド</t>
    </rPh>
    <rPh sb="6" eb="12">
      <t>コウツウアンゼンシセツ</t>
    </rPh>
    <rPh sb="12" eb="14">
      <t>ホシュウ</t>
    </rPh>
    <rPh sb="14" eb="16">
      <t>コウジ</t>
    </rPh>
    <rPh sb="17" eb="19">
      <t>ケンタン</t>
    </rPh>
    <phoneticPr fontId="5"/>
  </si>
  <si>
    <t>令和３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5"/>
  </si>
  <si>
    <t>令和３年度　災害復旧工事　公共（その２） 県単（その２）合併</t>
  </si>
  <si>
    <t>令和3年度 河川修繕工事（前金付県債）（その７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5"/>
  </si>
  <si>
    <t>令和３年度　海岸高潮対策工事　県単（その３）海岸補修工事　県単（その４）合併</t>
    <rPh sb="6" eb="8">
      <t>カイガン</t>
    </rPh>
    <rPh sb="8" eb="10">
      <t>タカシオ</t>
    </rPh>
    <rPh sb="10" eb="12">
      <t>タイサク</t>
    </rPh>
    <rPh sb="22" eb="24">
      <t>カイガン</t>
    </rPh>
    <rPh sb="24" eb="26">
      <t>ホシュウ</t>
    </rPh>
    <phoneticPr fontId="5"/>
  </si>
  <si>
    <t>令和３年度 交通安全施設補修工事（ゼロ県債）（その３）</t>
  </si>
  <si>
    <t>令和３年度 交通安全施設補修工事（ゼロ県債）（その１）</t>
  </si>
  <si>
    <t>令和３年度　都市公園整備工事　公共（その４）公園整備工事　県単（その13）令和４年度　都市公園整備工事　公共（その１）合併</t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コウエン</t>
    </rPh>
    <rPh sb="24" eb="26">
      <t>セイビ</t>
    </rPh>
    <rPh sb="26" eb="28">
      <t>コウジ</t>
    </rPh>
    <phoneticPr fontId="5"/>
  </si>
  <si>
    <t>令和３年度 交通安全施設補修工事（ゼロ県債）（その２）</t>
  </si>
  <si>
    <t>令和２年度　防災砂防工事　県単（その６）令和３年度　防災砂防工事　県単（その５）合併</t>
  </si>
  <si>
    <t>令和３年度　街路整備工事　公共（その11）県単（その19）令和４年度　街路整備工事　公共（その16）県単（その15）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1" eb="22">
      <t>ケン</t>
    </rPh>
    <rPh sb="22" eb="23">
      <t>タン</t>
    </rPh>
    <phoneticPr fontId="5"/>
  </si>
  <si>
    <t>令和３年度　都市公園整備工事　公共（その１）令和３年度　公園整備工事　県単（その５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43" eb="45">
      <t>ガッペイ</t>
    </rPh>
    <phoneticPr fontId="5"/>
  </si>
  <si>
    <t>令和３年度　防災砂防工事（ゼロ県債）（その２）</t>
  </si>
  <si>
    <t>令和２年度　通常砂防工事　公共（その２）</t>
  </si>
  <si>
    <t>令和４年度　街路樹整備工事　県単（その３）道路補修工事　県単（その12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21" eb="23">
      <t>ドウロ</t>
    </rPh>
    <rPh sb="23" eb="25">
      <t>ホシュウ</t>
    </rPh>
    <rPh sb="25" eb="27">
      <t>コウジ</t>
    </rPh>
    <rPh sb="28" eb="29">
      <t>ケン</t>
    </rPh>
    <rPh sb="29" eb="30">
      <t>タン</t>
    </rPh>
    <rPh sb="36" eb="38">
      <t>ガッペイ</t>
    </rPh>
    <phoneticPr fontId="5"/>
  </si>
  <si>
    <t>令和４年度　街路樹整備工事　県単（その４）　道路補修工事　県単（その13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22" eb="24">
      <t>ドウロ</t>
    </rPh>
    <rPh sb="24" eb="26">
      <t>ホシュウ</t>
    </rPh>
    <rPh sb="26" eb="28">
      <t>コウジ</t>
    </rPh>
    <rPh sb="29" eb="30">
      <t>ケン</t>
    </rPh>
    <rPh sb="30" eb="31">
      <t>タン</t>
    </rPh>
    <rPh sb="37" eb="39">
      <t>ガッペイ</t>
    </rPh>
    <phoneticPr fontId="5"/>
  </si>
  <si>
    <t>令和４年度　街路樹整備工事　県単（その５）　道路補修工事　県単（その14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22" eb="24">
      <t>ドウロ</t>
    </rPh>
    <rPh sb="24" eb="26">
      <t>ホシュウ</t>
    </rPh>
    <rPh sb="26" eb="28">
      <t>コウジ</t>
    </rPh>
    <rPh sb="29" eb="30">
      <t>ケン</t>
    </rPh>
    <rPh sb="30" eb="31">
      <t>タン</t>
    </rPh>
    <rPh sb="37" eb="39">
      <t>ガッペイ</t>
    </rPh>
    <phoneticPr fontId="5"/>
  </si>
  <si>
    <t>令和４年度　街路樹整備工事　県単（その１）道路補修工事　県単（その10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6">
      <t>ケンタン</t>
    </rPh>
    <rPh sb="21" eb="23">
      <t>ドウロ</t>
    </rPh>
    <rPh sb="23" eb="25">
      <t>ホシュウ</t>
    </rPh>
    <rPh sb="25" eb="27">
      <t>コウジ</t>
    </rPh>
    <rPh sb="28" eb="30">
      <t>ケンタン</t>
    </rPh>
    <rPh sb="36" eb="38">
      <t>ガッペイ</t>
    </rPh>
    <phoneticPr fontId="5"/>
  </si>
  <si>
    <t>令和４年度　街路樹整備工事　県単（その２）道路補修工事　県単（その11）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6">
      <t>ケンタン</t>
    </rPh>
    <rPh sb="21" eb="23">
      <t>ドウロ</t>
    </rPh>
    <rPh sb="23" eb="25">
      <t>ホシュウ</t>
    </rPh>
    <rPh sb="25" eb="27">
      <t>コウジ</t>
    </rPh>
    <rPh sb="28" eb="30">
      <t>ケンタン</t>
    </rPh>
    <rPh sb="36" eb="38">
      <t>ガッペイ</t>
    </rPh>
    <phoneticPr fontId="5"/>
  </si>
  <si>
    <t>令和３年度　都市公園整備工事　公共（その２）令和３年度　公園整備工事　県単（その７）令和４年度　都市公園整備工事　公共（その１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6">
      <t>ケン</t>
    </rPh>
    <rPh sb="36" eb="37">
      <t>タン</t>
    </rPh>
    <rPh sb="65" eb="67">
      <t>ガッペイ</t>
    </rPh>
    <phoneticPr fontId="5"/>
  </si>
  <si>
    <t>令和３年度　交通安全施設等整備工事　県単(その３)　令和３年度　道路改良工事　公共(その１)県単(その２)　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9" eb="31">
      <t>ネンド</t>
    </rPh>
    <rPh sb="32" eb="34">
      <t>ドウロ</t>
    </rPh>
    <rPh sb="34" eb="36">
      <t>カイリョウ</t>
    </rPh>
    <rPh sb="36" eb="38">
      <t>コウジ</t>
    </rPh>
    <rPh sb="39" eb="41">
      <t>コウキョウ</t>
    </rPh>
    <rPh sb="46" eb="47">
      <t>ケン</t>
    </rPh>
    <rPh sb="47" eb="48">
      <t>タン</t>
    </rPh>
    <rPh sb="54" eb="56">
      <t>ガッペイ</t>
    </rPh>
    <phoneticPr fontId="5"/>
  </si>
  <si>
    <t>令和４年度　道路補修工事　県単（その１）橋りょう補修工事　県単（その５）合併</t>
    <rPh sb="0" eb="2">
      <t>レイワ</t>
    </rPh>
    <rPh sb="3" eb="5">
      <t>ネンド</t>
    </rPh>
    <rPh sb="6" eb="10">
      <t>ドウロホシュウ</t>
    </rPh>
    <rPh sb="10" eb="12">
      <t>コウジ</t>
    </rPh>
    <rPh sb="13" eb="14">
      <t>ケン</t>
    </rPh>
    <rPh sb="14" eb="15">
      <t>タン</t>
    </rPh>
    <rPh sb="20" eb="21">
      <t>キョウ</t>
    </rPh>
    <rPh sb="24" eb="28">
      <t>ホシュウコウジ</t>
    </rPh>
    <rPh sb="29" eb="30">
      <t>ケン</t>
    </rPh>
    <rPh sb="30" eb="31">
      <t>タン</t>
    </rPh>
    <rPh sb="36" eb="38">
      <t>ガッペイ</t>
    </rPh>
    <phoneticPr fontId="5"/>
  </si>
  <si>
    <t>令和４年度 道路補修工事　県単（その１）</t>
    <rPh sb="0" eb="2">
      <t>レイワ</t>
    </rPh>
    <rPh sb="3" eb="5">
      <t>ネンド</t>
    </rPh>
    <rPh sb="6" eb="10">
      <t>ドウロホシュウ</t>
    </rPh>
    <rPh sb="10" eb="12">
      <t>コウジ</t>
    </rPh>
    <rPh sb="13" eb="14">
      <t>ケン</t>
    </rPh>
    <rPh sb="14" eb="15">
      <t>タン</t>
    </rPh>
    <phoneticPr fontId="5"/>
  </si>
  <si>
    <t>令和３年度　河川改修工事　公共（その１）河川維持改修工事　県単（その１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カセン</t>
    </rPh>
    <rPh sb="22" eb="24">
      <t>イジ</t>
    </rPh>
    <rPh sb="24" eb="26">
      <t>カイシュウ</t>
    </rPh>
    <rPh sb="26" eb="28">
      <t>コウジ</t>
    </rPh>
    <rPh sb="29" eb="31">
      <t>ケンタン</t>
    </rPh>
    <rPh sb="36" eb="38">
      <t>ガッペイ</t>
    </rPh>
    <phoneticPr fontId="5"/>
  </si>
  <si>
    <t>令和３年度　交通安全施設等整備工事　公共（その１）令和３年度　交通安全施設補修工事　県単（その51）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9">
      <t>ホシュウ</t>
    </rPh>
    <rPh sb="39" eb="41">
      <t>コウジ</t>
    </rPh>
    <rPh sb="42" eb="44">
      <t>ケンタン</t>
    </rPh>
    <rPh sb="50" eb="52">
      <t>ガッペイ</t>
    </rPh>
    <phoneticPr fontId="5"/>
  </si>
  <si>
    <t>令和４年度　道路補修工事　公共（その１）県単（その１）合併</t>
    <rPh sb="0" eb="2">
      <t>レイワ</t>
    </rPh>
    <rPh sb="3" eb="5">
      <t>ネンド</t>
    </rPh>
    <rPh sb="6" eb="12">
      <t>ドウロホシュウコウ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5"/>
  </si>
  <si>
    <t>令和４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5"/>
  </si>
  <si>
    <t>令和４年度　道路補修工事　県単（その１）橋りょう補修工事　県単（その６）合併</t>
    <rPh sb="0" eb="2">
      <t>レイワ</t>
    </rPh>
    <rPh sb="3" eb="5">
      <t>ネンド</t>
    </rPh>
    <rPh sb="6" eb="12">
      <t>ドウロホシュウコウジ</t>
    </rPh>
    <rPh sb="13" eb="15">
      <t>ケンタン</t>
    </rPh>
    <rPh sb="20" eb="21">
      <t>キョウ</t>
    </rPh>
    <rPh sb="24" eb="28">
      <t>ホシュウコウジ</t>
    </rPh>
    <rPh sb="29" eb="31">
      <t>ケンタン</t>
    </rPh>
    <rPh sb="36" eb="38">
      <t>ガッペイ</t>
    </rPh>
    <phoneticPr fontId="5"/>
  </si>
  <si>
    <t>令和４年度　河川改修工事　公共（その１）令和３年度　河川改修工事　県単（その４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カセン</t>
    </rPh>
    <rPh sb="28" eb="30">
      <t>カイシュウ</t>
    </rPh>
    <rPh sb="30" eb="32">
      <t>コウジ</t>
    </rPh>
    <rPh sb="33" eb="35">
      <t>ケンタン</t>
    </rPh>
    <rPh sb="40" eb="42">
      <t>ガッペイ</t>
    </rPh>
    <phoneticPr fontId="5"/>
  </si>
  <si>
    <t>令和３年度　水防情報基盤緊急整備工事　県単（その２）</t>
  </si>
  <si>
    <t>令和４年度　河川改修工事　公共（その４）令和３年度　河川改修工事　県単（その２）合併</t>
  </si>
  <si>
    <t>令和３年度　道路改良工事　公共（その４）令和４年度　道路改良工事　県単（その２）合併</t>
  </si>
  <si>
    <t>令和４年度　都市公園整備工事　公共（その２）公園整備工事　県単（その４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コウエン</t>
    </rPh>
    <rPh sb="24" eb="26">
      <t>セイビ</t>
    </rPh>
    <rPh sb="26" eb="28">
      <t>コウジ</t>
    </rPh>
    <rPh sb="29" eb="30">
      <t>ケン</t>
    </rPh>
    <rPh sb="30" eb="31">
      <t>タン</t>
    </rPh>
    <rPh sb="36" eb="38">
      <t>ガッペイ</t>
    </rPh>
    <phoneticPr fontId="5"/>
  </si>
  <si>
    <t>令和３年度　交通安全施設等整備工事　公共（その１）令和４年度　交通安全施設等整備工事　県単（その４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レイワ</t>
    </rPh>
    <rPh sb="28" eb="30">
      <t>ネンド</t>
    </rPh>
    <rPh sb="31" eb="42">
      <t>コウツウアンゼンシセツトウセイビコウジ</t>
    </rPh>
    <rPh sb="43" eb="45">
      <t>ケンタン</t>
    </rPh>
    <rPh sb="50" eb="52">
      <t>ガッペイ</t>
    </rPh>
    <phoneticPr fontId="5"/>
  </si>
  <si>
    <t>令和３年度　河川改修工事　公共（その21）河川維持改修工事　県単（その２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カセン</t>
    </rPh>
    <rPh sb="23" eb="25">
      <t>イジ</t>
    </rPh>
    <rPh sb="25" eb="27">
      <t>カイシュウ</t>
    </rPh>
    <rPh sb="27" eb="29">
      <t>コウジ</t>
    </rPh>
    <rPh sb="30" eb="31">
      <t>ケン</t>
    </rPh>
    <rPh sb="31" eb="32">
      <t>タン</t>
    </rPh>
    <rPh sb="37" eb="39">
      <t>ガッペイ</t>
    </rPh>
    <phoneticPr fontId="5"/>
  </si>
  <si>
    <t>令和３年度　交通安全施設等整備工事　公共（その１）令和４年度　交通安全施設等整備工事　県単（その10）交通安全施設補修工事　県単（その15）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7">
      <t>レイワ</t>
    </rPh>
    <rPh sb="28" eb="30">
      <t>ネンド</t>
    </rPh>
    <rPh sb="51" eb="53">
      <t>コウツウ</t>
    </rPh>
    <rPh sb="53" eb="55">
      <t>アンゼン</t>
    </rPh>
    <rPh sb="55" eb="57">
      <t>シセツ</t>
    </rPh>
    <rPh sb="57" eb="59">
      <t>ホシュウ</t>
    </rPh>
    <rPh sb="59" eb="61">
      <t>コウジ</t>
    </rPh>
    <rPh sb="62" eb="64">
      <t>ケンタン</t>
    </rPh>
    <phoneticPr fontId="5"/>
  </si>
  <si>
    <t>令和４年度　道路補修工事　県単（その１）電線地中化促進工事　県単（その１）合併</t>
    <rPh sb="6" eb="8">
      <t>ドウロ</t>
    </rPh>
    <rPh sb="8" eb="10">
      <t>ホシュウ</t>
    </rPh>
    <rPh sb="11" eb="12">
      <t>ジ</t>
    </rPh>
    <rPh sb="13" eb="14">
      <t>ケン</t>
    </rPh>
    <rPh sb="14" eb="15">
      <t>タン</t>
    </rPh>
    <rPh sb="20" eb="22">
      <t>デンセン</t>
    </rPh>
    <rPh sb="22" eb="25">
      <t>チチュウカ</t>
    </rPh>
    <rPh sb="25" eb="27">
      <t>ソクシン</t>
    </rPh>
    <rPh sb="27" eb="29">
      <t>コウジ</t>
    </rPh>
    <phoneticPr fontId="5"/>
  </si>
  <si>
    <t>令和３年度　道路災害防除工事　公共（その１）令和４年度　道路災害防除工事　県単（その２）合併</t>
    <rPh sb="0" eb="2">
      <t>レイワ</t>
    </rPh>
    <rPh sb="3" eb="5">
      <t>ネンド</t>
    </rPh>
    <rPh sb="6" eb="14">
      <t>ドウロサイガイボウジョコウジ</t>
    </rPh>
    <rPh sb="15" eb="17">
      <t>コウキョウ</t>
    </rPh>
    <rPh sb="22" eb="24">
      <t>レイワ</t>
    </rPh>
    <rPh sb="25" eb="27">
      <t>ネンド</t>
    </rPh>
    <rPh sb="28" eb="36">
      <t>ドウロサイガイボウジョコウジ</t>
    </rPh>
    <rPh sb="37" eb="38">
      <t>ケン</t>
    </rPh>
    <rPh sb="38" eb="39">
      <t>タン</t>
    </rPh>
    <rPh sb="44" eb="46">
      <t>ガッペイ</t>
    </rPh>
    <phoneticPr fontId="5"/>
  </si>
  <si>
    <t>令和４年度　道路補修工事　県単（その２）</t>
    <rPh sb="6" eb="8">
      <t>ドウロ</t>
    </rPh>
    <rPh sb="8" eb="10">
      <t>ホシュウ</t>
    </rPh>
    <rPh sb="11" eb="12">
      <t>ジ</t>
    </rPh>
    <rPh sb="13" eb="14">
      <t>ケン</t>
    </rPh>
    <rPh sb="14" eb="15">
      <t>タン</t>
    </rPh>
    <phoneticPr fontId="5"/>
  </si>
  <si>
    <t>令和４年度　道路補修工事　県単（その１）</t>
    <rPh sb="6" eb="8">
      <t>ドウロ</t>
    </rPh>
    <rPh sb="8" eb="10">
      <t>ホシュウ</t>
    </rPh>
    <rPh sb="11" eb="12">
      <t>ジ</t>
    </rPh>
    <rPh sb="13" eb="14">
      <t>ケン</t>
    </rPh>
    <rPh sb="14" eb="15">
      <t>タン</t>
    </rPh>
    <phoneticPr fontId="5"/>
  </si>
  <si>
    <t>令和３年度　橋りょう補修工事　公共（その1）</t>
    <rPh sb="6" eb="7">
      <t>キョウ</t>
    </rPh>
    <rPh sb="10" eb="12">
      <t>ホシュウ</t>
    </rPh>
    <rPh sb="13" eb="14">
      <t>ジ</t>
    </rPh>
    <rPh sb="15" eb="17">
      <t>コウキョウ</t>
    </rPh>
    <phoneticPr fontId="5"/>
  </si>
  <si>
    <t>令和４年度　道路補修工事　公共（その１）県単（その１）合併</t>
    <rPh sb="6" eb="8">
      <t>ドウロ</t>
    </rPh>
    <rPh sb="8" eb="10">
      <t>ホシュウ</t>
    </rPh>
    <rPh sb="11" eb="12">
      <t>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5"/>
  </si>
  <si>
    <t>令和４年度　道路災害防除工事　県単（その１）</t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5"/>
  </si>
  <si>
    <t>令和４年度　道路補修工事　県単（その１）道路災害防除工事　県単（その１）合併</t>
    <rPh sb="6" eb="8">
      <t>ドウロ</t>
    </rPh>
    <rPh sb="8" eb="10">
      <t>ホシュウ</t>
    </rPh>
    <rPh sb="11" eb="12">
      <t>ジ</t>
    </rPh>
    <rPh sb="13" eb="14">
      <t>ケン</t>
    </rPh>
    <rPh sb="14" eb="15">
      <t>タン</t>
    </rPh>
    <rPh sb="20" eb="28">
      <t>ドウロサイガイボウジョコウジ</t>
    </rPh>
    <rPh sb="29" eb="30">
      <t>ケン</t>
    </rPh>
    <rPh sb="30" eb="31">
      <t>タン</t>
    </rPh>
    <rPh sb="36" eb="38">
      <t>ガッペイ</t>
    </rPh>
    <phoneticPr fontId="5"/>
  </si>
  <si>
    <t>令和４年度　道路補修工事　公共（その１）県単（その１）合併</t>
    <rPh sb="0" eb="2">
      <t>レイワ</t>
    </rPh>
    <rPh sb="3" eb="5">
      <t>ネンド</t>
    </rPh>
    <rPh sb="6" eb="10">
      <t>ドウロホシュウ</t>
    </rPh>
    <rPh sb="10" eb="12">
      <t>コウジ</t>
    </rPh>
    <rPh sb="13" eb="15">
      <t>コウキョウ</t>
    </rPh>
    <rPh sb="20" eb="22">
      <t>ケンタン</t>
    </rPh>
    <rPh sb="27" eb="29">
      <t>ガッペイ</t>
    </rPh>
    <phoneticPr fontId="5"/>
  </si>
  <si>
    <t>令和４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phoneticPr fontId="5"/>
  </si>
  <si>
    <t>令和４年度　道路補修工事　県単（その１）道路災害防除工事　県単（その50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rPh sb="20" eb="28">
      <t>ドウロサイガイボウジョコウジ</t>
    </rPh>
    <rPh sb="29" eb="31">
      <t>ケンタン</t>
    </rPh>
    <rPh sb="37" eb="39">
      <t>ガッペイ</t>
    </rPh>
    <phoneticPr fontId="5"/>
  </si>
  <si>
    <t>令和４年度　港湾改修工事　公共（その１）　令和４年度　港湾修築工事　県単（その１）合併</t>
    <rPh sb="0" eb="2">
      <t>レイワ</t>
    </rPh>
    <rPh sb="3" eb="5">
      <t>ネンド</t>
    </rPh>
    <rPh sb="6" eb="8">
      <t>コウワ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コウワン</t>
    </rPh>
    <rPh sb="29" eb="31">
      <t>シュウチク</t>
    </rPh>
    <rPh sb="31" eb="33">
      <t>コウジ</t>
    </rPh>
    <rPh sb="34" eb="36">
      <t>ケンタン</t>
    </rPh>
    <rPh sb="41" eb="43">
      <t>ガッペイ</t>
    </rPh>
    <phoneticPr fontId="5"/>
  </si>
  <si>
    <t>二級河川　金目川　河川改修（河床掘削工）工事（その２）</t>
    <rPh sb="0" eb="2">
      <t>ニキュウ</t>
    </rPh>
    <rPh sb="2" eb="4">
      <t>カセン</t>
    </rPh>
    <rPh sb="5" eb="7">
      <t>カナメ</t>
    </rPh>
    <rPh sb="7" eb="8">
      <t>ガワ</t>
    </rPh>
    <rPh sb="9" eb="11">
      <t>カセン</t>
    </rPh>
    <rPh sb="11" eb="13">
      <t>カイシュウ</t>
    </rPh>
    <rPh sb="14" eb="16">
      <t>カショウ</t>
    </rPh>
    <rPh sb="16" eb="18">
      <t>クッサク</t>
    </rPh>
    <rPh sb="18" eb="19">
      <t>コウ</t>
    </rPh>
    <rPh sb="20" eb="22">
      <t>コウジ</t>
    </rPh>
    <phoneticPr fontId="5"/>
  </si>
  <si>
    <t>二級河川　金目川　河川改修（護岸工）工事（その１）</t>
    <rPh sb="0" eb="2">
      <t>ニキュウ</t>
    </rPh>
    <rPh sb="2" eb="4">
      <t>カセン</t>
    </rPh>
    <rPh sb="5" eb="7">
      <t>カナメ</t>
    </rPh>
    <rPh sb="7" eb="8">
      <t>ガワ</t>
    </rPh>
    <rPh sb="9" eb="11">
      <t>カセン</t>
    </rPh>
    <rPh sb="11" eb="13">
      <t>カイシュウ</t>
    </rPh>
    <rPh sb="14" eb="16">
      <t>ゴガン</t>
    </rPh>
    <rPh sb="16" eb="17">
      <t>コウ</t>
    </rPh>
    <rPh sb="18" eb="20">
      <t>コウジ</t>
    </rPh>
    <phoneticPr fontId="5"/>
  </si>
  <si>
    <t>令和３年度　河川改修工事　県単（その２－５）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phoneticPr fontId="5"/>
  </si>
  <si>
    <t>令和４年度　河川改修工事　公共（その２）令和３年度　河川改修工事　県単（その３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カセン</t>
    </rPh>
    <rPh sb="28" eb="30">
      <t>カイシュウ</t>
    </rPh>
    <rPh sb="30" eb="32">
      <t>コウジ</t>
    </rPh>
    <rPh sb="33" eb="35">
      <t>ケンタン</t>
    </rPh>
    <rPh sb="40" eb="42">
      <t>ガッペイ</t>
    </rPh>
    <phoneticPr fontId="5"/>
  </si>
  <si>
    <t>令和４年度　河川改修工事　公共（その１）令和３年度　河川維持改修工事　県単（その３）合併</t>
    <rPh sb="6" eb="8">
      <t>カセン</t>
    </rPh>
    <rPh sb="8" eb="10">
      <t>カイシュウ</t>
    </rPh>
    <rPh sb="20" eb="22">
      <t>レイワ</t>
    </rPh>
    <rPh sb="23" eb="25">
      <t>ネンド</t>
    </rPh>
    <rPh sb="26" eb="28">
      <t>カセン</t>
    </rPh>
    <rPh sb="28" eb="30">
      <t>イジ</t>
    </rPh>
    <rPh sb="30" eb="32">
      <t>カイシュウ</t>
    </rPh>
    <phoneticPr fontId="5"/>
  </si>
  <si>
    <t>令和４年度　海岸高潮対策工事　県単(その１)</t>
  </si>
  <si>
    <t>令和３年度　急傾斜地施設改良工事　県単（その１）令和４年度　急傾斜地施設改良工事　県単（その１）合併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rPh sb="24" eb="26">
      <t>レイワ</t>
    </rPh>
    <rPh sb="27" eb="29">
      <t>ネンド</t>
    </rPh>
    <rPh sb="30" eb="31">
      <t>キュウ</t>
    </rPh>
    <rPh sb="31" eb="34">
      <t>ケイシャチ</t>
    </rPh>
    <rPh sb="34" eb="40">
      <t>シセツカイリョウコウジ</t>
    </rPh>
    <rPh sb="41" eb="42">
      <t>ケン</t>
    </rPh>
    <rPh sb="42" eb="43">
      <t>タン</t>
    </rPh>
    <rPh sb="48" eb="50">
      <t>ガッペイ</t>
    </rPh>
    <phoneticPr fontId="5"/>
  </si>
  <si>
    <t>令和４年度　急傾斜地崩壊対策工事　県単（その１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8">
      <t>ケン</t>
    </rPh>
    <rPh sb="18" eb="19">
      <t>タン</t>
    </rPh>
    <phoneticPr fontId="5"/>
  </si>
  <si>
    <t>令和３年度　交通安全施設等整備工事　公共（その２）県単（その６）令和４年度　道路補修工事　県単（その１）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6">
      <t>ケン</t>
    </rPh>
    <rPh sb="26" eb="27">
      <t>タン</t>
    </rPh>
    <rPh sb="32" eb="34">
      <t>レイワ</t>
    </rPh>
    <rPh sb="35" eb="37">
      <t>ネンド</t>
    </rPh>
    <rPh sb="38" eb="40">
      <t>ドウロ</t>
    </rPh>
    <rPh sb="40" eb="42">
      <t>ホシュウ</t>
    </rPh>
    <rPh sb="42" eb="44">
      <t>コウジ</t>
    </rPh>
    <rPh sb="45" eb="46">
      <t>ケン</t>
    </rPh>
    <rPh sb="46" eb="47">
      <t>タン</t>
    </rPh>
    <rPh sb="52" eb="54">
      <t>ガッペイ</t>
    </rPh>
    <phoneticPr fontId="5"/>
  </si>
  <si>
    <t>令和３年度　電線地中化促進工事　公共（その２）県単（その２）道路改良工事　公共（その２）県単（その３）合併</t>
    <rPh sb="6" eb="8">
      <t>デンセン</t>
    </rPh>
    <rPh sb="8" eb="11">
      <t>チチュウカ</t>
    </rPh>
    <rPh sb="11" eb="13">
      <t>ソクシン</t>
    </rPh>
    <rPh sb="13" eb="15">
      <t>コウジ</t>
    </rPh>
    <rPh sb="23" eb="24">
      <t>ケン</t>
    </rPh>
    <rPh sb="24" eb="25">
      <t>タン</t>
    </rPh>
    <rPh sb="30" eb="32">
      <t>ドウロ</t>
    </rPh>
    <rPh sb="32" eb="34">
      <t>カイリョウ</t>
    </rPh>
    <rPh sb="34" eb="36">
      <t>コウジ</t>
    </rPh>
    <rPh sb="37" eb="39">
      <t>コウキョウ</t>
    </rPh>
    <phoneticPr fontId="5"/>
  </si>
  <si>
    <t>令和３年度　電線地中化促進工事　公共（その３）県単（その３）交通安全施設等整備工事　公共（その１）県単（その５）合併</t>
    <rPh sb="6" eb="8">
      <t>デンセン</t>
    </rPh>
    <rPh sb="8" eb="11">
      <t>チチュウカ</t>
    </rPh>
    <rPh sb="11" eb="13">
      <t>ソクシン</t>
    </rPh>
    <rPh sb="13" eb="15">
      <t>コウジ</t>
    </rPh>
    <rPh sb="23" eb="24">
      <t>ケン</t>
    </rPh>
    <rPh sb="24" eb="25">
      <t>タン</t>
    </rPh>
    <rPh sb="30" eb="32">
      <t>コウツウ</t>
    </rPh>
    <rPh sb="32" eb="34">
      <t>アンゼン</t>
    </rPh>
    <rPh sb="34" eb="36">
      <t>シセツ</t>
    </rPh>
    <rPh sb="36" eb="37">
      <t>トウ</t>
    </rPh>
    <rPh sb="37" eb="39">
      <t>セイビ</t>
    </rPh>
    <rPh sb="39" eb="41">
      <t>コウジ</t>
    </rPh>
    <rPh sb="42" eb="44">
      <t>コウキョウ</t>
    </rPh>
    <phoneticPr fontId="5"/>
  </si>
  <si>
    <t>令和３年度　街路整備工事　県単（その38）令和４年度　街路整備工事　公共（その８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6">
      <t>コウキョウ</t>
    </rPh>
    <rPh sb="41" eb="43">
      <t>ガッペイ</t>
    </rPh>
    <phoneticPr fontId="5"/>
  </si>
  <si>
    <t xml:space="preserve">令和４年度　都市公園整備工事公共（その４）公園整備工事　県単（その８）合併 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4" eb="16">
      <t>コウキョウ</t>
    </rPh>
    <rPh sb="21" eb="23">
      <t>コウエン</t>
    </rPh>
    <rPh sb="23" eb="25">
      <t>セイビ</t>
    </rPh>
    <rPh sb="25" eb="27">
      <t>コウジ</t>
    </rPh>
    <rPh sb="28" eb="29">
      <t>ケン</t>
    </rPh>
    <rPh sb="29" eb="30">
      <t>タン</t>
    </rPh>
    <rPh sb="35" eb="37">
      <t>ガッペイ</t>
    </rPh>
    <phoneticPr fontId="5"/>
  </si>
  <si>
    <t xml:space="preserve">令和４年度　都市公園整備工事公共（その２）公園整備工事　県単（その11）合併 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4" eb="16">
      <t>コウキョウ</t>
    </rPh>
    <rPh sb="21" eb="23">
      <t>コウエン</t>
    </rPh>
    <rPh sb="23" eb="25">
      <t>セイビ</t>
    </rPh>
    <rPh sb="25" eb="27">
      <t>コウジ</t>
    </rPh>
    <rPh sb="28" eb="29">
      <t>ケン</t>
    </rPh>
    <rPh sb="29" eb="30">
      <t>タン</t>
    </rPh>
    <rPh sb="36" eb="38">
      <t>ガッペイ</t>
    </rPh>
    <phoneticPr fontId="5"/>
  </si>
  <si>
    <t>令和３年度　道路改良工事　公共（その３）県単（その５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1">
      <t>ケン</t>
    </rPh>
    <rPh sb="21" eb="22">
      <t>タン</t>
    </rPh>
    <rPh sb="27" eb="29">
      <t>ガッペイ</t>
    </rPh>
    <phoneticPr fontId="5"/>
  </si>
  <si>
    <t>令和３年度　道路改良工事　公共（その６）令和４年度　道路改良工事　公共（その２）県単（その４）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32">
      <t>ドウロカイリョウコウジ</t>
    </rPh>
    <rPh sb="33" eb="35">
      <t>コウキョウ</t>
    </rPh>
    <rPh sb="40" eb="41">
      <t>ケン</t>
    </rPh>
    <rPh sb="41" eb="42">
      <t>タン</t>
    </rPh>
    <rPh sb="47" eb="49">
      <t>ガッペイ</t>
    </rPh>
    <phoneticPr fontId="5"/>
  </si>
  <si>
    <t>令和３年度　道路改良工事　公共（その5）令和４年度　道路改良工事　公共（その1）県単（その3）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32">
      <t>ドウロカイリョウコウジ</t>
    </rPh>
    <rPh sb="33" eb="35">
      <t>コウキョウ</t>
    </rPh>
    <rPh sb="40" eb="41">
      <t>ケン</t>
    </rPh>
    <rPh sb="41" eb="42">
      <t>タン</t>
    </rPh>
    <rPh sb="47" eb="49">
      <t>ガッペイ</t>
    </rPh>
    <phoneticPr fontId="5"/>
  </si>
  <si>
    <t>令和３年度　河川改修工事　公共（その１）県単（その７）合併</t>
  </si>
  <si>
    <t>令和３年度　河川修繕工事　県単（その６）</t>
  </si>
  <si>
    <t>令和３年度 交通安全施設等整備工事 公共 (その１)　交通安全施設補修工事 県単 (その１)合併</t>
    <rPh sb="0" eb="5">
      <t>レイワサン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33" eb="35">
      <t>ホシュウ</t>
    </rPh>
    <rPh sb="38" eb="39">
      <t>ケン</t>
    </rPh>
    <rPh sb="39" eb="40">
      <t>タン</t>
    </rPh>
    <rPh sb="46" eb="48">
      <t>ガッペイ</t>
    </rPh>
    <phoneticPr fontId="5"/>
  </si>
  <si>
    <t>令和３年度　河川改修工事（前金付県債）（その１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マエ</t>
    </rPh>
    <rPh sb="14" eb="15">
      <t>キン</t>
    </rPh>
    <rPh sb="15" eb="16">
      <t>ツ</t>
    </rPh>
    <rPh sb="16" eb="18">
      <t>ケンサイ</t>
    </rPh>
    <phoneticPr fontId="5"/>
  </si>
  <si>
    <t>令和３年度　河川修繕工事　県単（その10）令和４年度　河川修繕工事　県単（その５）合併　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1" eb="23">
      <t>レイワ</t>
    </rPh>
    <rPh sb="24" eb="25">
      <t>ネン</t>
    </rPh>
    <rPh sb="25" eb="26">
      <t>ド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1" eb="43">
      <t>ガッペイ</t>
    </rPh>
    <phoneticPr fontId="5"/>
  </si>
  <si>
    <t>令和２年度　河川改修工事　公共（その12）県単（その44）令和４年度　河川改修工事　県単（その２）合併</t>
    <rPh sb="0" eb="2">
      <t>レイワ</t>
    </rPh>
    <rPh sb="3" eb="5">
      <t>ネンド</t>
    </rPh>
    <rPh sb="6" eb="12">
      <t>カセンカイシュウコウジ</t>
    </rPh>
    <rPh sb="13" eb="15">
      <t>コウキョウ</t>
    </rPh>
    <rPh sb="21" eb="22">
      <t>ケン</t>
    </rPh>
    <rPh sb="22" eb="23">
      <t>タン</t>
    </rPh>
    <rPh sb="29" eb="31">
      <t>レイワ</t>
    </rPh>
    <rPh sb="32" eb="34">
      <t>ネンド</t>
    </rPh>
    <rPh sb="35" eb="41">
      <t>カセンカイシュウコウジ</t>
    </rPh>
    <rPh sb="42" eb="43">
      <t>ケン</t>
    </rPh>
    <rPh sb="43" eb="44">
      <t>タン</t>
    </rPh>
    <rPh sb="49" eb="51">
      <t>ガッペイ</t>
    </rPh>
    <phoneticPr fontId="8"/>
  </si>
  <si>
    <t>令和３年度　河川修繕工事（ゼロ県債）(その１)</t>
  </si>
  <si>
    <t>令和３年度　海岸高潮対策工事　公共（その３）県単(その９)</t>
  </si>
  <si>
    <t>令和３年度　海岸高潮対策工事（ゼロ県債）（その１）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7" eb="19">
      <t>ケンサイ</t>
    </rPh>
    <phoneticPr fontId="5"/>
  </si>
  <si>
    <t>令和２年度　河川改修工事　公共（その９）県単（その16）　令和３年度　河川改修工事　県単（その21）合併</t>
    <rPh sb="29" eb="31">
      <t>レイワ</t>
    </rPh>
    <rPh sb="32" eb="34">
      <t>ネンド</t>
    </rPh>
    <rPh sb="35" eb="37">
      <t>カセン</t>
    </rPh>
    <rPh sb="37" eb="39">
      <t>カイシュウ</t>
    </rPh>
    <rPh sb="39" eb="41">
      <t>コウジ</t>
    </rPh>
    <rPh sb="42" eb="43">
      <t>ケン</t>
    </rPh>
    <rPh sb="43" eb="44">
      <t>タン</t>
    </rPh>
    <rPh sb="50" eb="52">
      <t>ガッペイ</t>
    </rPh>
    <phoneticPr fontId="5"/>
  </si>
  <si>
    <t>令和３年度　都市公園整備工事　公共(その４)　公園整備工事　県単(その47)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2">
      <t>ケンタン</t>
    </rPh>
    <rPh sb="39" eb="41">
      <t>ガッペイ</t>
    </rPh>
    <phoneticPr fontId="0"/>
  </si>
  <si>
    <t>令和３年度　道路補修工事（ゼロ県債）(その１)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0"/>
  </si>
  <si>
    <t>令和３年度　交通安全施設補修工事（ゼロ県債）（その５）令和４年度　交通安全施設補修工事　県単（その５３）合併</t>
    <rPh sb="0" eb="2">
      <t>レイワ</t>
    </rPh>
    <rPh sb="3" eb="4">
      <t>ネン</t>
    </rPh>
    <rPh sb="4" eb="5">
      <t>ド</t>
    </rPh>
    <rPh sb="6" eb="16">
      <t>コウツウアンゼンシセツホシュウコウジ</t>
    </rPh>
    <rPh sb="19" eb="21">
      <t>ケンサイ</t>
    </rPh>
    <phoneticPr fontId="5"/>
  </si>
  <si>
    <t>令和３年度　交通安全施設補修工事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5"/>
  </si>
  <si>
    <t>令和２年度　道路改良工事　県単（その５）　令和３年度　道路改良工事　県単（その９）</t>
    <rPh sb="21" eb="23">
      <t>レイワ</t>
    </rPh>
    <rPh sb="24" eb="25">
      <t>ネン</t>
    </rPh>
    <rPh sb="25" eb="26">
      <t>ド</t>
    </rPh>
    <rPh sb="27" eb="29">
      <t>ドウロ</t>
    </rPh>
    <rPh sb="29" eb="31">
      <t>カイリョウ</t>
    </rPh>
    <rPh sb="31" eb="33">
      <t>コウジ</t>
    </rPh>
    <rPh sb="34" eb="35">
      <t>ケン</t>
    </rPh>
    <rPh sb="35" eb="36">
      <t>タン</t>
    </rPh>
    <phoneticPr fontId="5"/>
  </si>
  <si>
    <t>一級河川小出川河川改修（護岸工）工事（その１）</t>
  </si>
  <si>
    <t>令和２年度　河川改修工事　公共（その４）県単（その４）　令和３年度　河川改修工事　公共（その６）県単（その20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レイワ</t>
    </rPh>
    <rPh sb="31" eb="32">
      <t>ネン</t>
    </rPh>
    <rPh sb="32" eb="33">
      <t>ド</t>
    </rPh>
    <rPh sb="34" eb="36">
      <t>カセン</t>
    </rPh>
    <rPh sb="36" eb="38">
      <t>カイシュウ</t>
    </rPh>
    <rPh sb="38" eb="40">
      <t>コウジ</t>
    </rPh>
    <rPh sb="41" eb="43">
      <t>コウキョウ</t>
    </rPh>
    <rPh sb="48" eb="49">
      <t>ケン</t>
    </rPh>
    <rPh sb="49" eb="50">
      <t>タン</t>
    </rPh>
    <rPh sb="56" eb="58">
      <t>ガッペイ</t>
    </rPh>
    <phoneticPr fontId="5"/>
  </si>
  <si>
    <t>令和３年度　港湾補修工事（ゼロ県債）(その１)</t>
    <rPh sb="6" eb="8">
      <t>コウワン</t>
    </rPh>
    <rPh sb="8" eb="10">
      <t>ホシュウ</t>
    </rPh>
    <rPh sb="15" eb="17">
      <t>ケンサイ</t>
    </rPh>
    <phoneticPr fontId="5"/>
  </si>
  <si>
    <t>令和３年度　海岸補修工事（ゼロ県債）（その１）</t>
  </si>
  <si>
    <t>令和４年度　公園整備工事　県単(その１)</t>
  </si>
  <si>
    <t>令和３年度　交通安全施設補修工事（ゼロ県債）（その４）令和４年度　交通安全施設補修工事　県単（その８４）合併</t>
    <rPh sb="0" eb="2">
      <t>レイワ</t>
    </rPh>
    <rPh sb="3" eb="4">
      <t>ネン</t>
    </rPh>
    <rPh sb="4" eb="5">
      <t>ド</t>
    </rPh>
    <rPh sb="6" eb="16">
      <t>コウツウアンゼンシセツホシュウコウジ</t>
    </rPh>
    <rPh sb="19" eb="21">
      <t>ケンサイ</t>
    </rPh>
    <rPh sb="44" eb="45">
      <t>ケン</t>
    </rPh>
    <rPh sb="45" eb="46">
      <t>タン</t>
    </rPh>
    <rPh sb="52" eb="54">
      <t>ガッペイ</t>
    </rPh>
    <phoneticPr fontId="5"/>
  </si>
  <si>
    <t>令和３年度　交通安全施設補修工事　県単（その１）令和４年度　交通安全施設補修工事　県単（その１）合併</t>
    <rPh sb="0" eb="2">
      <t>レイワ</t>
    </rPh>
    <rPh sb="3" eb="4">
      <t>ネン</t>
    </rPh>
    <rPh sb="4" eb="5">
      <t>ド</t>
    </rPh>
    <rPh sb="6" eb="16">
      <t>コウツウアンゼンシセツホシュウコウジ</t>
    </rPh>
    <rPh sb="17" eb="18">
      <t>ケン</t>
    </rPh>
    <rPh sb="18" eb="19">
      <t>タン</t>
    </rPh>
    <rPh sb="48" eb="50">
      <t>ガッペイ</t>
    </rPh>
    <phoneticPr fontId="5"/>
  </si>
  <si>
    <t>令和３年度　河川改修工事　公共（その２）県単（その８）</t>
  </si>
  <si>
    <t>令和３年度　災害復旧工事　県単(その１)　令和４年度　公園整備工事　県単（その２５）合併</t>
    <rPh sb="21" eb="23">
      <t>レイワ</t>
    </rPh>
    <rPh sb="24" eb="26">
      <t>ネンド</t>
    </rPh>
    <rPh sb="27" eb="29">
      <t>コウエン</t>
    </rPh>
    <rPh sb="29" eb="31">
      <t>セイビ</t>
    </rPh>
    <rPh sb="31" eb="33">
      <t>コウジ</t>
    </rPh>
    <rPh sb="34" eb="35">
      <t>ケン</t>
    </rPh>
    <rPh sb="35" eb="36">
      <t>タン</t>
    </rPh>
    <rPh sb="42" eb="44">
      <t>ガッペイ</t>
    </rPh>
    <phoneticPr fontId="5"/>
  </si>
  <si>
    <t>令和３年度海岸補修工事（ゼロ県債）（その２）</t>
    <rPh sb="0" eb="2">
      <t>レイワ</t>
    </rPh>
    <rPh sb="3" eb="5">
      <t>ネンド</t>
    </rPh>
    <rPh sb="5" eb="7">
      <t>カイガン</t>
    </rPh>
    <rPh sb="7" eb="9">
      <t>ホシュウ</t>
    </rPh>
    <rPh sb="9" eb="11">
      <t>コウジ</t>
    </rPh>
    <rPh sb="14" eb="16">
      <t>ケンサイ</t>
    </rPh>
    <phoneticPr fontId="5"/>
  </si>
  <si>
    <t>令和4年度 道路補修工事 県単（その１）</t>
  </si>
  <si>
    <t>令和３年度　交通安全施設補修工事（ゼロ県債）（その１）令和４年度　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rPh sb="44" eb="45">
      <t>ケン</t>
    </rPh>
    <rPh sb="45" eb="46">
      <t>タン</t>
    </rPh>
    <rPh sb="51" eb="53">
      <t>ガッペイ</t>
    </rPh>
    <phoneticPr fontId="5"/>
  </si>
  <si>
    <t>令和３年度　交通安全施設補修工事（ゼロ県債）（その２）</t>
    <rPh sb="0" eb="2">
      <t>レイワ</t>
    </rPh>
    <rPh sb="3" eb="4">
      <t>ネン</t>
    </rPh>
    <rPh sb="4" eb="5">
      <t>ド</t>
    </rPh>
    <rPh sb="6" eb="16">
      <t>コウツウアンゼンシセツホシュウコウジ</t>
    </rPh>
    <rPh sb="19" eb="21">
      <t>ケンサイ</t>
    </rPh>
    <phoneticPr fontId="5"/>
  </si>
  <si>
    <t>令和３年度　交通安全施設等整備工事　公共（その１）令和４年度　交通安全施設補修工事　県単（その２）合併</t>
    <rPh sb="0" eb="2">
      <t>レイワ</t>
    </rPh>
    <rPh sb="3" eb="4">
      <t>ネン</t>
    </rPh>
    <rPh sb="4" eb="5">
      <t>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37" eb="39">
      <t>ホシュウ</t>
    </rPh>
    <rPh sb="42" eb="43">
      <t>ケン</t>
    </rPh>
    <rPh sb="43" eb="44">
      <t>タン</t>
    </rPh>
    <rPh sb="49" eb="51">
      <t>ガッペイ</t>
    </rPh>
    <phoneticPr fontId="5"/>
  </si>
  <si>
    <t>令和３年度　急傾斜地崩壊対策工事　公共（その２）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15"/>
  </si>
  <si>
    <t>令和３年度　都市公園整備工事　公共(その6)　公園整備工事　県単(その60)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コウエン</t>
    </rPh>
    <rPh sb="25" eb="27">
      <t>セイビ</t>
    </rPh>
    <rPh sb="27" eb="29">
      <t>コウジ</t>
    </rPh>
    <rPh sb="30" eb="32">
      <t>ケンタン</t>
    </rPh>
    <rPh sb="39" eb="41">
      <t>ガッペイ</t>
    </rPh>
    <phoneticPr fontId="0"/>
  </si>
  <si>
    <t>令和３年度　街路整備工事　県単（その３）　令和４年度　街路整備工事　県単（その８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5">
      <t>ケン</t>
    </rPh>
    <rPh sb="35" eb="36">
      <t>タン</t>
    </rPh>
    <rPh sb="41" eb="43">
      <t>ガッペイ</t>
    </rPh>
    <phoneticPr fontId="5"/>
  </si>
  <si>
    <t>令和３年度　道路災害防除工事　県単（その１）令和４年度　道路災害防除工事　県単（その１）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rPh sb="22" eb="24">
      <t>レイワ</t>
    </rPh>
    <rPh sb="25" eb="26">
      <t>ネン</t>
    </rPh>
    <rPh sb="26" eb="27">
      <t>ド</t>
    </rPh>
    <rPh sb="28" eb="36">
      <t>ドウロサイガイボウジョコウジ</t>
    </rPh>
    <rPh sb="37" eb="38">
      <t>ケン</t>
    </rPh>
    <rPh sb="38" eb="39">
      <t>タン</t>
    </rPh>
    <rPh sb="44" eb="46">
      <t>ガッペイ</t>
    </rPh>
    <phoneticPr fontId="5"/>
  </si>
  <si>
    <t>令和３年度　道路改良工事（ゼロ県債）（その１）</t>
  </si>
  <si>
    <t>令和３年度　交通安全施設等整備工事　公共（その１）令和４年度　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37" eb="39">
      <t>ホシュウ</t>
    </rPh>
    <rPh sb="42" eb="43">
      <t>ケン</t>
    </rPh>
    <rPh sb="43" eb="44">
      <t>タン</t>
    </rPh>
    <rPh sb="49" eb="51">
      <t>ガッペイ</t>
    </rPh>
    <phoneticPr fontId="5"/>
  </si>
  <si>
    <t>令和４年度　道路補修工事　県単（その２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４年度　道路補修工事　県単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15"/>
  </si>
  <si>
    <t>令和３年度　交通安全施設等整備工事　公共（その１）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コウツウ</t>
    </rPh>
    <rPh sb="27" eb="29">
      <t>アンゼン</t>
    </rPh>
    <rPh sb="29" eb="31">
      <t>シセツ</t>
    </rPh>
    <phoneticPr fontId="5"/>
  </si>
  <si>
    <t>令和３年度　河川改修工事　公共（その２）県単（その９）令和３年度　受託河川工事　県単（その３）令和４年度　河川改修工事　公共（その９）合併</t>
    <rPh sb="27" eb="29">
      <t>レイワ</t>
    </rPh>
    <rPh sb="30" eb="32">
      <t>ネンド</t>
    </rPh>
    <rPh sb="33" eb="35">
      <t>ジュタク</t>
    </rPh>
    <rPh sb="35" eb="37">
      <t>カセン</t>
    </rPh>
    <rPh sb="37" eb="39">
      <t>コウジ</t>
    </rPh>
    <rPh sb="40" eb="41">
      <t>ケン</t>
    </rPh>
    <rPh sb="41" eb="42">
      <t>タン</t>
    </rPh>
    <rPh sb="47" eb="49">
      <t>レイワ</t>
    </rPh>
    <rPh sb="50" eb="51">
      <t>ネン</t>
    </rPh>
    <rPh sb="51" eb="52">
      <t>ド</t>
    </rPh>
    <rPh sb="53" eb="59">
      <t>カセンカイシュウコウジ</t>
    </rPh>
    <rPh sb="60" eb="62">
      <t>コウキョウ</t>
    </rPh>
    <rPh sb="67" eb="69">
      <t>ガッペイ</t>
    </rPh>
    <phoneticPr fontId="5"/>
  </si>
  <si>
    <t>令和４年度　河川維持改修工事　県単（その１）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phoneticPr fontId="5"/>
  </si>
  <si>
    <t>令和３年度　海岸緑地整備工事（ゼロ県債）（その４）</t>
    <rPh sb="0" eb="2">
      <t>レイワ</t>
    </rPh>
    <rPh sb="3" eb="5">
      <t>ネンド</t>
    </rPh>
    <rPh sb="6" eb="8">
      <t>カイガン</t>
    </rPh>
    <rPh sb="8" eb="10">
      <t>リョクチ</t>
    </rPh>
    <rPh sb="10" eb="12">
      <t>セイビ</t>
    </rPh>
    <rPh sb="12" eb="14">
      <t>コウジ</t>
    </rPh>
    <rPh sb="17" eb="19">
      <t>ケンサイ</t>
    </rPh>
    <phoneticPr fontId="5"/>
  </si>
  <si>
    <t>令和４年度　道路補修工事　県単（その１）　橋りょう補修工事　県単（その１）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rPh sb="21" eb="22">
      <t>キョウ</t>
    </rPh>
    <rPh sb="25" eb="27">
      <t>ホシュウ</t>
    </rPh>
    <rPh sb="27" eb="29">
      <t>コウジ</t>
    </rPh>
    <rPh sb="30" eb="31">
      <t>ケン</t>
    </rPh>
    <rPh sb="31" eb="32">
      <t>タン</t>
    </rPh>
    <rPh sb="37" eb="39">
      <t>ガッペイ</t>
    </rPh>
    <phoneticPr fontId="5"/>
  </si>
  <si>
    <t>令和３年度　道路改良工事　公共（その３）　県単（その10）　令和４年度　道路改良工事　県単（その２）　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1" eb="22">
      <t>ケン</t>
    </rPh>
    <rPh sb="22" eb="23">
      <t>タン</t>
    </rPh>
    <rPh sb="30" eb="32">
      <t>レイワ</t>
    </rPh>
    <rPh sb="33" eb="35">
      <t>ネンド</t>
    </rPh>
    <rPh sb="36" eb="42">
      <t>ドウロカイリョウコウジ</t>
    </rPh>
    <rPh sb="43" eb="45">
      <t>ケンタン</t>
    </rPh>
    <rPh sb="51" eb="53">
      <t>ガッペイ</t>
    </rPh>
    <phoneticPr fontId="5"/>
  </si>
  <si>
    <t>令和３年度　街路整備工事　県単（その14）令和４年度　街路整備工事　県単（その３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33">
      <t>ガイロセイビコウジ</t>
    </rPh>
    <rPh sb="34" eb="35">
      <t>ケン</t>
    </rPh>
    <rPh sb="35" eb="36">
      <t>タン</t>
    </rPh>
    <rPh sb="41" eb="43">
      <t>ガッペイ</t>
    </rPh>
    <phoneticPr fontId="5"/>
  </si>
  <si>
    <t>一級河川小出川河川改修（護岸工）工事（その２）</t>
  </si>
  <si>
    <t>令和３年度 河川改修工事 県単(その26)　令和４年度 河川改修工事 公共(その４)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0">
      <t>カセン</t>
    </rPh>
    <rPh sb="30" eb="32">
      <t>カイシュウ</t>
    </rPh>
    <rPh sb="32" eb="34">
      <t>コウジ</t>
    </rPh>
    <rPh sb="35" eb="37">
      <t>コウキョウ</t>
    </rPh>
    <rPh sb="42" eb="44">
      <t>ガッペイ</t>
    </rPh>
    <phoneticPr fontId="5"/>
  </si>
  <si>
    <t>令和２年度　河川改修工事　公共（その14）県単（その46）　令和４年度　河川改修工事　県単（その13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2">
      <t>ケン</t>
    </rPh>
    <rPh sb="22" eb="23">
      <t>タン</t>
    </rPh>
    <rPh sb="30" eb="32">
      <t>レイワ</t>
    </rPh>
    <rPh sb="33" eb="34">
      <t>ネン</t>
    </rPh>
    <rPh sb="34" eb="35">
      <t>ド</t>
    </rPh>
    <rPh sb="36" eb="42">
      <t>カセンカイシュウコウジ</t>
    </rPh>
    <rPh sb="43" eb="44">
      <t>ケン</t>
    </rPh>
    <rPh sb="44" eb="45">
      <t>タン</t>
    </rPh>
    <rPh sb="51" eb="53">
      <t>ガッペイ</t>
    </rPh>
    <phoneticPr fontId="5"/>
  </si>
  <si>
    <t>令和３年度　河川改修工事　県単（その８）令和４年度　河川改修工事　県単（その１４）河川修繕工事　県単（その９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0" eb="22">
      <t>レイワ</t>
    </rPh>
    <rPh sb="23" eb="24">
      <t>ネン</t>
    </rPh>
    <rPh sb="24" eb="25">
      <t>ド</t>
    </rPh>
    <rPh sb="26" eb="32">
      <t>カセンカイシュウコウジ</t>
    </rPh>
    <rPh sb="33" eb="34">
      <t>ケン</t>
    </rPh>
    <rPh sb="34" eb="35">
      <t>タン</t>
    </rPh>
    <rPh sb="41" eb="45">
      <t>カセンシュウゼン</t>
    </rPh>
    <rPh sb="45" eb="47">
      <t>コウジ</t>
    </rPh>
    <rPh sb="48" eb="49">
      <t>ケン</t>
    </rPh>
    <rPh sb="49" eb="50">
      <t>タン</t>
    </rPh>
    <rPh sb="55" eb="57">
      <t>ガッペイ</t>
    </rPh>
    <phoneticPr fontId="5"/>
  </si>
  <si>
    <t>令和４年度　道路補修工事　県単（その１）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5"/>
  </si>
  <si>
    <t>令和4年度　交通安全施設等整備工事　県単（その1）交通安全施設補修工事　県単（その156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31" eb="33">
      <t>ホシュウ</t>
    </rPh>
    <rPh sb="45" eb="47">
      <t>ガッペイ</t>
    </rPh>
    <phoneticPr fontId="5"/>
  </si>
  <si>
    <t>令和４年度　河川改修工事　公共（その６）　県単（その８）　合併</t>
  </si>
  <si>
    <t>令和３年度　河川改修工事　県単（その57）　令和４年度　河川改修工事　県単（その５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2" eb="24">
      <t>レイワ</t>
    </rPh>
    <rPh sb="25" eb="26">
      <t>ネン</t>
    </rPh>
    <rPh sb="26" eb="27">
      <t>ド</t>
    </rPh>
    <rPh sb="28" eb="30">
      <t>カセン</t>
    </rPh>
    <rPh sb="30" eb="32">
      <t>カイシュウ</t>
    </rPh>
    <rPh sb="32" eb="34">
      <t>コウジ</t>
    </rPh>
    <rPh sb="35" eb="36">
      <t>ケン</t>
    </rPh>
    <rPh sb="36" eb="37">
      <t>タン</t>
    </rPh>
    <rPh sb="43" eb="45">
      <t>ガッペイ</t>
    </rPh>
    <phoneticPr fontId="5"/>
  </si>
  <si>
    <t>令和３年度　河川改修工事　公共（その４３）令和４年度　河川改修工事　公共（その５）　県単（その７）　合併</t>
    <rPh sb="0" eb="2">
      <t>レイワ</t>
    </rPh>
    <rPh sb="3" eb="4">
      <t>ネン</t>
    </rPh>
    <rPh sb="4" eb="5">
      <t>ド</t>
    </rPh>
    <rPh sb="6" eb="12">
      <t>カセンカイシュウコウジ</t>
    </rPh>
    <rPh sb="13" eb="15">
      <t>コウキョウ</t>
    </rPh>
    <phoneticPr fontId="5"/>
  </si>
  <si>
    <t>令和４年度　河川維持改修工事　県単（その２）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phoneticPr fontId="5"/>
  </si>
  <si>
    <t>令和４年度　急傾斜地崩壊対策工事　県単（その２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5"/>
  </si>
  <si>
    <t>令和４年度　急傾斜地崩壊対策工事　県単（その３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5"/>
  </si>
  <si>
    <t>令和３年度　急傾斜地崩壊対策工事　公共（その52）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5"/>
  </si>
  <si>
    <t>令和３年度　急傾斜地崩壊対策工事　公共（その51）　令和４年度　急傾斜地崩壊対策工事　公共（その４）県単（その１）　合併</t>
    <rPh sb="17" eb="19">
      <t>コウキョウ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コウキョウ</t>
    </rPh>
    <rPh sb="50" eb="51">
      <t>ケン</t>
    </rPh>
    <rPh sb="51" eb="52">
      <t>タン</t>
    </rPh>
    <rPh sb="58" eb="60">
      <t>ガッペイ</t>
    </rPh>
    <phoneticPr fontId="5"/>
  </si>
  <si>
    <t>令和３年度　橋りょう補修工事　県単（その１）　令和４年度　橋りょう補修工事　県単（その１）　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rPh sb="46" eb="48">
      <t>ガッペイ</t>
    </rPh>
    <phoneticPr fontId="5"/>
  </si>
  <si>
    <t>令和３年度　河川修繕工事　(前金付県債)　(その11)　河川維持改修工事　(前金付県債)　(その１)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4" eb="16">
      <t>マエキン</t>
    </rPh>
    <rPh sb="16" eb="17">
      <t>ツ</t>
    </rPh>
    <rPh sb="17" eb="19">
      <t>ケンサイ</t>
    </rPh>
    <rPh sb="28" eb="30">
      <t>カセン</t>
    </rPh>
    <rPh sb="30" eb="32">
      <t>イジ</t>
    </rPh>
    <rPh sb="32" eb="34">
      <t>カイシュウ</t>
    </rPh>
    <rPh sb="34" eb="36">
      <t>コウジ</t>
    </rPh>
    <rPh sb="38" eb="41">
      <t>マエキンツ</t>
    </rPh>
    <rPh sb="41" eb="43">
      <t>ケンサイ</t>
    </rPh>
    <rPh sb="50" eb="52">
      <t>ガッペイ</t>
    </rPh>
    <phoneticPr fontId="5"/>
  </si>
  <si>
    <t>令和４年度　公園整備工事　県単（その17）</t>
    <rPh sb="6" eb="8">
      <t>コウエン</t>
    </rPh>
    <rPh sb="8" eb="10">
      <t>セイビ</t>
    </rPh>
    <phoneticPr fontId="15"/>
  </si>
  <si>
    <t>令和４年度　交通安全施設等整備工事　県単（その１）交通安全施設補修工事　県単（その８）合併</t>
    <rPh sb="31" eb="33">
      <t>ホシュウ</t>
    </rPh>
    <rPh sb="43" eb="45">
      <t>ガッペイ</t>
    </rPh>
    <phoneticPr fontId="5"/>
  </si>
  <si>
    <t>令和３年度　交通安全施設等整備工事　公共（その３）令和４年度　交通安全施設等整備工事　県単（その１）交通安全施設補修工事　県単（その１６６）合併</t>
    <rPh sb="12" eb="13">
      <t>トウ</t>
    </rPh>
    <rPh sb="13" eb="15">
      <t>セイビ</t>
    </rPh>
    <rPh sb="18" eb="20">
      <t>コウキョウ</t>
    </rPh>
    <rPh sb="25" eb="27">
      <t>レイワ</t>
    </rPh>
    <rPh sb="28" eb="29">
      <t>ネン</t>
    </rPh>
    <rPh sb="29" eb="30">
      <t>ド</t>
    </rPh>
    <rPh sb="56" eb="58">
      <t>ホシュウ</t>
    </rPh>
    <phoneticPr fontId="5"/>
  </si>
  <si>
    <t>令和３年度　交通安全施設等整備工事　公共（その２）令和４年度　交通安全施設補修工事　県単（その２）合併</t>
    <rPh sb="12" eb="13">
      <t>トウ</t>
    </rPh>
    <rPh sb="13" eb="15">
      <t>セイビ</t>
    </rPh>
    <rPh sb="18" eb="20">
      <t>コウキョウ</t>
    </rPh>
    <rPh sb="25" eb="27">
      <t>レイワ</t>
    </rPh>
    <rPh sb="28" eb="29">
      <t>ネン</t>
    </rPh>
    <rPh sb="29" eb="30">
      <t>ド</t>
    </rPh>
    <rPh sb="37" eb="39">
      <t>ホシュウ</t>
    </rPh>
    <phoneticPr fontId="5"/>
  </si>
  <si>
    <t>令和３年度　道路改良工事　県単（その１）　令和４年度　道路改良工事　県単（その４）　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rPh sb="21" eb="23">
      <t>レイワ</t>
    </rPh>
    <rPh sb="24" eb="25">
      <t>ネン</t>
    </rPh>
    <rPh sb="25" eb="26">
      <t>ド</t>
    </rPh>
    <rPh sb="27" eb="29">
      <t>ドウロ</t>
    </rPh>
    <rPh sb="29" eb="31">
      <t>カイリョウ</t>
    </rPh>
    <rPh sb="31" eb="33">
      <t>コウジ</t>
    </rPh>
    <rPh sb="34" eb="35">
      <t>ケン</t>
    </rPh>
    <rPh sb="35" eb="36">
      <t>タン</t>
    </rPh>
    <rPh sb="42" eb="44">
      <t>ガッペイ</t>
    </rPh>
    <phoneticPr fontId="5"/>
  </si>
  <si>
    <t>令和３年度　道路改良工事　県単（その２）　令和４年度　道路改良工事　県単（その５）　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rPh sb="21" eb="23">
      <t>レイワ</t>
    </rPh>
    <rPh sb="24" eb="25">
      <t>ネン</t>
    </rPh>
    <rPh sb="25" eb="26">
      <t>ド</t>
    </rPh>
    <rPh sb="27" eb="29">
      <t>ドウロ</t>
    </rPh>
    <rPh sb="29" eb="31">
      <t>カイリョウ</t>
    </rPh>
    <rPh sb="31" eb="33">
      <t>コウジ</t>
    </rPh>
    <rPh sb="34" eb="35">
      <t>ケン</t>
    </rPh>
    <rPh sb="35" eb="36">
      <t>タン</t>
    </rPh>
    <rPh sb="42" eb="44">
      <t>ガッペイ</t>
    </rPh>
    <phoneticPr fontId="5"/>
  </si>
  <si>
    <t>令和３年度　河川改修工事　県単（その30）　令和４年度　河川改修工事　公共（その５）河川修繕工事　県単（その14）合併</t>
    <rPh sb="42" eb="44">
      <t>カセン</t>
    </rPh>
    <rPh sb="44" eb="46">
      <t>シュウゼン</t>
    </rPh>
    <rPh sb="46" eb="48">
      <t>コウジ</t>
    </rPh>
    <rPh sb="49" eb="51">
      <t>ケンタン</t>
    </rPh>
    <phoneticPr fontId="5"/>
  </si>
  <si>
    <t>令和３年度　河川改修工事　公共（その７）県単（その25）　令和４年度　河川改修工事　公共（その３）河川修繕工事　県単（その１３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29" eb="31">
      <t>レイワ</t>
    </rPh>
    <rPh sb="32" eb="34">
      <t>ネンド</t>
    </rPh>
    <rPh sb="35" eb="37">
      <t>カセン</t>
    </rPh>
    <rPh sb="37" eb="39">
      <t>カイシュウ</t>
    </rPh>
    <rPh sb="39" eb="41">
      <t>コウジ</t>
    </rPh>
    <rPh sb="42" eb="44">
      <t>コウキョウ</t>
    </rPh>
    <rPh sb="49" eb="51">
      <t>カセン</t>
    </rPh>
    <rPh sb="51" eb="53">
      <t>シュウゼン</t>
    </rPh>
    <rPh sb="53" eb="55">
      <t>コウジ</t>
    </rPh>
    <rPh sb="56" eb="58">
      <t>ケンタン</t>
    </rPh>
    <rPh sb="64" eb="66">
      <t>ガッペイ</t>
    </rPh>
    <phoneticPr fontId="5"/>
  </si>
  <si>
    <t>令和３年度　水防情報基盤緊急整備工事　県単（その３）　河川修繕工事　県単（その１６）令和４年度　河川修繕工事　県単（その１５）合併</t>
    <rPh sb="0" eb="2">
      <t>レイワ</t>
    </rPh>
    <rPh sb="3" eb="5">
      <t>ネンド</t>
    </rPh>
    <rPh sb="6" eb="18">
      <t>スイボウジョウホウキバンキンキュウセイビコウジ</t>
    </rPh>
    <rPh sb="19" eb="20">
      <t>ケン</t>
    </rPh>
    <rPh sb="20" eb="21">
      <t>タン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2" eb="44">
      <t>レイワ</t>
    </rPh>
    <rPh sb="45" eb="47">
      <t>ネンド</t>
    </rPh>
    <rPh sb="48" eb="54">
      <t>カセンシュウゼンコウジ</t>
    </rPh>
    <rPh sb="55" eb="57">
      <t>ケンタン</t>
    </rPh>
    <rPh sb="63" eb="65">
      <t>ガッペイ</t>
    </rPh>
    <phoneticPr fontId="5"/>
  </si>
  <si>
    <t>令和３年度　水防情報基盤緊急整備工事　県単（その２）　令和４年度　水防情報基盤緊急整備工事　県単（その１）合併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rPh sb="27" eb="29">
      <t>レイワ</t>
    </rPh>
    <rPh sb="30" eb="32">
      <t>ネンド</t>
    </rPh>
    <rPh sb="33" eb="35">
      <t>スイボウ</t>
    </rPh>
    <rPh sb="35" eb="37">
      <t>ジョウホウ</t>
    </rPh>
    <rPh sb="37" eb="39">
      <t>キバン</t>
    </rPh>
    <rPh sb="39" eb="41">
      <t>キンキュウ</t>
    </rPh>
    <rPh sb="41" eb="43">
      <t>セイビ</t>
    </rPh>
    <rPh sb="43" eb="45">
      <t>コウジ</t>
    </rPh>
    <rPh sb="46" eb="47">
      <t>ケン</t>
    </rPh>
    <rPh sb="47" eb="48">
      <t>タン</t>
    </rPh>
    <rPh sb="53" eb="55">
      <t>ガッペイ</t>
    </rPh>
    <phoneticPr fontId="5"/>
  </si>
  <si>
    <t>令和４年度　河川修繕工事　県単（その７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5"/>
  </si>
  <si>
    <t>令和３年度　河川改修工事　（ゼロ県債）（その１）令和４年度　河川改修工事　公共（その１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6" eb="17">
      <t>ケン</t>
    </rPh>
    <rPh sb="17" eb="18">
      <t>サイ</t>
    </rPh>
    <rPh sb="24" eb="26">
      <t>レイワ</t>
    </rPh>
    <rPh sb="27" eb="29">
      <t>ネンド</t>
    </rPh>
    <rPh sb="30" eb="34">
      <t>カセンカイシュウ</t>
    </rPh>
    <rPh sb="34" eb="36">
      <t>コウジ</t>
    </rPh>
    <rPh sb="37" eb="39">
      <t>コウキョウ</t>
    </rPh>
    <rPh sb="44" eb="46">
      <t>ガッペイ</t>
    </rPh>
    <phoneticPr fontId="5"/>
  </si>
  <si>
    <t>令和３年度　河川修繕工事　県単（その33）　令和４年度　河川修繕工事　県単（その６）　合併</t>
    <rPh sb="8" eb="10">
      <t>シュウゼン</t>
    </rPh>
    <rPh sb="13" eb="14">
      <t>ケン</t>
    </rPh>
    <rPh sb="14" eb="15">
      <t>タン</t>
    </rPh>
    <rPh sb="30" eb="32">
      <t>シュウゼン</t>
    </rPh>
    <rPh sb="35" eb="36">
      <t>ケン</t>
    </rPh>
    <rPh sb="36" eb="37">
      <t>タン</t>
    </rPh>
    <phoneticPr fontId="5"/>
  </si>
  <si>
    <t>令和３年度　河川改修工事　公共（その４）　令和４年度　河川改修工事　公共（その５）　合併</t>
  </si>
  <si>
    <t>令和３年度　河川修繕工事　県単（その８）　令和４年度　河川修繕工事　県単（その２）　合併</t>
    <rPh sb="8" eb="10">
      <t>シュウゼン</t>
    </rPh>
    <rPh sb="13" eb="14">
      <t>ケン</t>
    </rPh>
    <rPh sb="14" eb="15">
      <t>タン</t>
    </rPh>
    <rPh sb="29" eb="31">
      <t>シュウゼン</t>
    </rPh>
    <rPh sb="34" eb="35">
      <t>ケン</t>
    </rPh>
    <rPh sb="35" eb="36">
      <t>タン</t>
    </rPh>
    <phoneticPr fontId="5"/>
  </si>
  <si>
    <t>令和３年度　河川改修工事　公共（その３）　県単（その７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2">
      <t>ケン</t>
    </rPh>
    <rPh sb="22" eb="23">
      <t>タン</t>
    </rPh>
    <rPh sb="28" eb="30">
      <t>ガッペイ</t>
    </rPh>
    <phoneticPr fontId="5"/>
  </si>
  <si>
    <t>令和３年度　河川修繕工事　県単（その10）　令和４年度　河川修繕工事　県単（その３）合併</t>
  </si>
  <si>
    <t>令和３年度　急傾斜地崩壊対策工事　公共（その51）　令和４年度　急傾斜地崩壊対策工事　公共（その１）　合併</t>
    <rPh sb="17" eb="19">
      <t>コウキョウ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コウキョウ</t>
    </rPh>
    <rPh sb="51" eb="53">
      <t>ガッペイ</t>
    </rPh>
    <phoneticPr fontId="5"/>
  </si>
  <si>
    <t>令和３年度　急傾斜地施設改良工事　県単（その51）　急傾斜地崩壊対策工事　公共（その53）　令和４年度　急傾斜地施設改良工事　県単（その１）　急傾斜地崩壊対策工事　公共（その１）　合併</t>
    <rPh sb="10" eb="12">
      <t>シセツ</t>
    </rPh>
    <rPh sb="12" eb="14">
      <t>カイリョウ</t>
    </rPh>
    <rPh sb="17" eb="18">
      <t>ケン</t>
    </rPh>
    <rPh sb="18" eb="19">
      <t>タン</t>
    </rPh>
    <rPh sb="30" eb="32">
      <t>ホウカイ</t>
    </rPh>
    <rPh sb="32" eb="34">
      <t>タイサク</t>
    </rPh>
    <rPh sb="37" eb="39">
      <t>コウキョウ</t>
    </rPh>
    <rPh sb="46" eb="48">
      <t>レイワ</t>
    </rPh>
    <rPh sb="49" eb="51">
      <t>ネンド</t>
    </rPh>
    <rPh sb="52" eb="53">
      <t>キュウ</t>
    </rPh>
    <rPh sb="53" eb="56">
      <t>ケイシャチ</t>
    </rPh>
    <rPh sb="56" eb="58">
      <t>シセツ</t>
    </rPh>
    <rPh sb="58" eb="60">
      <t>カイリョウ</t>
    </rPh>
    <rPh sb="60" eb="62">
      <t>コウジ</t>
    </rPh>
    <rPh sb="63" eb="64">
      <t>ケン</t>
    </rPh>
    <rPh sb="64" eb="65">
      <t>タン</t>
    </rPh>
    <rPh sb="90" eb="92">
      <t>ガッペイ</t>
    </rPh>
    <phoneticPr fontId="5"/>
  </si>
  <si>
    <t>令和３年度　急傾斜地崩壊対策工事　公共（その52）　令和４年度　急傾斜地崩壊対策工事　公共（その３）合併</t>
    <rPh sb="17" eb="19">
      <t>コウキョウ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コウキョウ</t>
    </rPh>
    <rPh sb="50" eb="52">
      <t>ガッペイ</t>
    </rPh>
    <phoneticPr fontId="5"/>
  </si>
  <si>
    <t>令和３年度　急傾斜地崩壊対策工事　公共（その５３）　令和４年度　急傾斜地崩壊対策工事　公共（その２）　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6" eb="28">
      <t>レイワ</t>
    </rPh>
    <rPh sb="29" eb="31">
      <t>ネンド</t>
    </rPh>
    <rPh sb="32" eb="42">
      <t>キュウケイシャチホウカイタイサクコウジ</t>
    </rPh>
    <rPh sb="43" eb="45">
      <t>コウキョウ</t>
    </rPh>
    <rPh sb="51" eb="53">
      <t>ガッペイ</t>
    </rPh>
    <phoneticPr fontId="5"/>
  </si>
  <si>
    <t>令和４年度　急傾斜地崩壊対策工事　県単（その１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5"/>
  </si>
  <si>
    <t>令和４年度　急傾斜地崩壊対策工事　公共（その２）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phoneticPr fontId="5"/>
  </si>
  <si>
    <t>令和４年度　海岸高潮対策工事　県単（その10）</t>
  </si>
  <si>
    <t>令和４年度　海岸高潮対策工事　県単（その11）</t>
  </si>
  <si>
    <t>令和４年度　海岸高潮対策工事　県単(その９)　海岸補修工事　県単（その14）合併</t>
    <rPh sb="6" eb="8">
      <t>カイガン</t>
    </rPh>
    <rPh sb="8" eb="10">
      <t>タカシオ</t>
    </rPh>
    <rPh sb="10" eb="12">
      <t>タイサク</t>
    </rPh>
    <rPh sb="12" eb="14">
      <t>コウジ</t>
    </rPh>
    <rPh sb="23" eb="25">
      <t>カイガン</t>
    </rPh>
    <rPh sb="25" eb="27">
      <t>ホシュウ</t>
    </rPh>
    <rPh sb="27" eb="29">
      <t>コウジ</t>
    </rPh>
    <rPh sb="30" eb="31">
      <t>ケン</t>
    </rPh>
    <rPh sb="31" eb="32">
      <t>タン</t>
    </rPh>
    <rPh sb="38" eb="40">
      <t>ガッペイ</t>
    </rPh>
    <phoneticPr fontId="5"/>
  </si>
  <si>
    <t>令和３年度　海岸高潮対策工事　公共(その６)　令和４年度　海岸高潮対策工事　県単（その１）合併</t>
    <rPh sb="12" eb="14">
      <t>コウジ</t>
    </rPh>
    <rPh sb="35" eb="37">
      <t>コウジ</t>
    </rPh>
    <phoneticPr fontId="5"/>
  </si>
  <si>
    <t xml:space="preserve">令和３年度　海岸高潮対策工事　公共（その７）　令和４年度　海岸高潮対策工事　公共（その１）　県単（その４）合併  </t>
    <rPh sb="53" eb="55">
      <t>ガッペイ</t>
    </rPh>
    <phoneticPr fontId="5"/>
  </si>
  <si>
    <t>令和３年度　港湾補修工事　県単（その61)　令和４年度　港湾補修工事　県単（その15）合併</t>
  </si>
  <si>
    <t>令和４年度　交通安全施設補修工事　県単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5"/>
  </si>
  <si>
    <t>令和４年度 公園整備工事 県単（その18）</t>
  </si>
  <si>
    <t>令和３年度　都市公園整備工事　公共（その７）　令和４年度　公園整備工事　県単（その32）合併</t>
  </si>
  <si>
    <t>令和４年度　都市公園整備工事　公共（その２）　公園整備工事　県単（その36）合併</t>
  </si>
  <si>
    <t>令和４年度　公園整備工事　県単（その35）</t>
  </si>
  <si>
    <t>令和３年度　都市公園整備工事　公共（その10）　令和４年度　公園整備工事　県単（その40）合併</t>
  </si>
  <si>
    <t>令和３年度　橋りょう補修工事　公共（その１）県単（その１）令和４年度　橋りょう補修工事　県単（その１）合併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2" eb="23">
      <t>ケン</t>
    </rPh>
    <rPh sb="23" eb="24">
      <t>タン</t>
    </rPh>
    <rPh sb="51" eb="53">
      <t>ガッペイ</t>
    </rPh>
    <phoneticPr fontId="5"/>
  </si>
  <si>
    <t>令和４年度　街路樹整備工事　県単（その１）　道路補修工事　県単（その１）合併</t>
    <rPh sb="0" eb="2">
      <t>レイワ</t>
    </rPh>
    <rPh sb="3" eb="4">
      <t>ネン</t>
    </rPh>
    <rPh sb="4" eb="5">
      <t>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22" eb="24">
      <t>ドウロ</t>
    </rPh>
    <rPh sb="24" eb="26">
      <t>ホシュウ</t>
    </rPh>
    <rPh sb="26" eb="28">
      <t>コウジ</t>
    </rPh>
    <rPh sb="29" eb="30">
      <t>ケン</t>
    </rPh>
    <rPh sb="30" eb="31">
      <t>タン</t>
    </rPh>
    <rPh sb="36" eb="38">
      <t>ガッペイ</t>
    </rPh>
    <phoneticPr fontId="5"/>
  </si>
  <si>
    <t>令和４年度　道路災害防除工事　県単（その１）</t>
    <rPh sb="0" eb="2">
      <t>レイワ</t>
    </rPh>
    <rPh sb="3" eb="5">
      <t>ネンド</t>
    </rPh>
    <rPh sb="6" eb="12">
      <t>ドウロサイガイボウジョ</t>
    </rPh>
    <rPh sb="12" eb="14">
      <t>コウジ</t>
    </rPh>
    <rPh sb="15" eb="16">
      <t>ケン</t>
    </rPh>
    <rPh sb="16" eb="17">
      <t>タン</t>
    </rPh>
    <phoneticPr fontId="5"/>
  </si>
  <si>
    <t>令和３年度　河川修繕工事　県単（その62）　令和４年度　河川修繕工事　県単（その32）合併</t>
  </si>
  <si>
    <t>令和３年度　交通安全施設等整備工事　公共（その１）令和４年度　交通安全施設補修工事　県単（その１）合併</t>
    <rPh sb="0" eb="2">
      <t>レイワ</t>
    </rPh>
    <rPh sb="3" eb="5">
      <t>ネンド</t>
    </rPh>
    <rPh sb="6" eb="17">
      <t>コウツウアンゼンシセツトウセイビコウジ</t>
    </rPh>
    <rPh sb="18" eb="20">
      <t>コウキョウ</t>
    </rPh>
    <rPh sb="25" eb="27">
      <t>レイワ</t>
    </rPh>
    <rPh sb="28" eb="30">
      <t>ネンド</t>
    </rPh>
    <rPh sb="31" eb="49">
      <t>コウアン</t>
    </rPh>
    <rPh sb="42" eb="43">
      <t>ケン</t>
    </rPh>
    <rPh sb="43" eb="44">
      <t>タン</t>
    </rPh>
    <rPh sb="49" eb="51">
      <t>ガッペイ</t>
    </rPh>
    <phoneticPr fontId="5"/>
  </si>
  <si>
    <t>令和４年度　交通安全施設補修工事　県単（その１）</t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phoneticPr fontId="15"/>
  </si>
  <si>
    <t>令和４年度　交通安全施設補修工事　県単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5"/>
  </si>
  <si>
    <t>令和３年度　道路補修工事　県単（その93）</t>
  </si>
  <si>
    <t>令和3年度　道路補修工事　(ゼロ県債)(その６)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6" eb="18">
      <t>ケンサイ</t>
    </rPh>
    <phoneticPr fontId="8"/>
  </si>
  <si>
    <t>令和3年度 電線地中化促進工事 公共（その2）県単（その2）
令和3年度 道路補修工事 県単（その53）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1" eb="33">
      <t>レイワ</t>
    </rPh>
    <rPh sb="34" eb="36">
      <t>ネンド</t>
    </rPh>
    <rPh sb="37" eb="39">
      <t>ドウロ</t>
    </rPh>
    <rPh sb="39" eb="41">
      <t>ホシュウ</t>
    </rPh>
    <rPh sb="41" eb="43">
      <t>コウジ</t>
    </rPh>
    <rPh sb="44" eb="45">
      <t>ケン</t>
    </rPh>
    <rPh sb="45" eb="46">
      <t>タン</t>
    </rPh>
    <rPh sb="52" eb="54">
      <t>ガッペイ</t>
    </rPh>
    <phoneticPr fontId="21"/>
  </si>
  <si>
    <t>令和２年度　急傾斜地崩壊対策工事　公共（その１）令和３年度　急傾斜地崩壊対策工事　公共（その１）合併</t>
  </si>
  <si>
    <t>令和３年度　河川維持改修工事　県単（その２）令和３年度　河川修繕工事　県単（その６６）合併</t>
    <rPh sb="22" eb="24">
      <t>レイワ</t>
    </rPh>
    <rPh sb="25" eb="27">
      <t>ネンド</t>
    </rPh>
    <rPh sb="28" eb="30">
      <t>カセン</t>
    </rPh>
    <rPh sb="30" eb="32">
      <t>シュウゼン</t>
    </rPh>
    <rPh sb="32" eb="34">
      <t>コウジ</t>
    </rPh>
    <rPh sb="35" eb="37">
      <t>ケンタン</t>
    </rPh>
    <rPh sb="43" eb="45">
      <t>ガッペイ</t>
    </rPh>
    <phoneticPr fontId="8"/>
  </si>
  <si>
    <t>令和3年度　道路補修工事（ゼロ県債）（その5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1"/>
  </si>
  <si>
    <t>令和3年度　道路補修工事（ゼロ県債）（その２）</t>
    <rPh sb="0" eb="2">
      <t>レイワ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1"/>
  </si>
  <si>
    <t>令和3年度　道路補修工事（ゼロ県債）（その１）</t>
    <rPh sb="0" eb="2">
      <t>レイワ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21"/>
  </si>
  <si>
    <t>令和3年度　道路補修工事（ゼロ県債）（その７）</t>
  </si>
  <si>
    <t>令和3年度　道路補修工事（ゼロ県債）（その３）</t>
  </si>
  <si>
    <t>令和3年度　道路補修工事（ゼロ県債）（その４）</t>
  </si>
  <si>
    <t>令和3年度道路改良工事 公共（その1）令和3年度街路整備工事 県単（その4）合併</t>
    <rPh sb="0" eb="2">
      <t>レイワ</t>
    </rPh>
    <rPh sb="3" eb="5">
      <t>ネンド</t>
    </rPh>
    <rPh sb="5" eb="7">
      <t>ドウロ</t>
    </rPh>
    <rPh sb="7" eb="9">
      <t>カイリョウ</t>
    </rPh>
    <rPh sb="9" eb="11">
      <t>コウジ</t>
    </rPh>
    <rPh sb="12" eb="14">
      <t>コウキョウ</t>
    </rPh>
    <rPh sb="19" eb="21">
      <t>レイワ</t>
    </rPh>
    <rPh sb="22" eb="24">
      <t>ネンド</t>
    </rPh>
    <rPh sb="24" eb="26">
      <t>ガイロ</t>
    </rPh>
    <rPh sb="26" eb="28">
      <t>セイビ</t>
    </rPh>
    <rPh sb="28" eb="30">
      <t>コウジ</t>
    </rPh>
    <rPh sb="31" eb="32">
      <t>ケン</t>
    </rPh>
    <rPh sb="32" eb="33">
      <t>タン</t>
    </rPh>
    <rPh sb="38" eb="40">
      <t>ガッペイ</t>
    </rPh>
    <phoneticPr fontId="8"/>
  </si>
  <si>
    <t>令和3年度公園整備工事 ゼロ県債（その701）</t>
    <rPh sb="0" eb="2">
      <t>レイワ</t>
    </rPh>
    <rPh sb="3" eb="5">
      <t>ネンド</t>
    </rPh>
    <rPh sb="5" eb="7">
      <t>コウエン</t>
    </rPh>
    <rPh sb="7" eb="9">
      <t>セイビ</t>
    </rPh>
    <rPh sb="9" eb="11">
      <t>コウジ</t>
    </rPh>
    <rPh sb="14" eb="15">
      <t>ケン</t>
    </rPh>
    <rPh sb="15" eb="16">
      <t>サイ</t>
    </rPh>
    <phoneticPr fontId="8"/>
  </si>
  <si>
    <t>令和３年度　災害復旧工事　公共（その１）令和３年度　河川維持改修工事　県単（その１）合併</t>
  </si>
  <si>
    <t>令和３年度　河川維持改修工事（前金付県債）（その１）</t>
  </si>
  <si>
    <t>令和３年度　河川改修工事　県単（その１）令和３年度　河川維持改修工事　県単（その２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0" eb="22">
      <t>レイワ</t>
    </rPh>
    <rPh sb="23" eb="25">
      <t>ネンド</t>
    </rPh>
    <rPh sb="26" eb="28">
      <t>カセン</t>
    </rPh>
    <rPh sb="28" eb="30">
      <t>イジ</t>
    </rPh>
    <rPh sb="30" eb="32">
      <t>カイシュウ</t>
    </rPh>
    <rPh sb="32" eb="34">
      <t>コウジ</t>
    </rPh>
    <rPh sb="35" eb="36">
      <t>ケン</t>
    </rPh>
    <rPh sb="36" eb="37">
      <t>タン</t>
    </rPh>
    <rPh sb="42" eb="44">
      <t>ガッペイ</t>
    </rPh>
    <phoneticPr fontId="8"/>
  </si>
  <si>
    <t>令和３年度　災害復旧工事　公共（その１）
令和３年度　河川維持改修工事　県単（その２）合併</t>
  </si>
  <si>
    <t>令和3年度　橋りょう補修工事　県単（その13）</t>
  </si>
  <si>
    <t>令和３年度 交通安全施設補修工事 ゼロ県債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1"/>
  </si>
  <si>
    <t>令和３年度 交通安全施設補修工事 ゼロ県債（その2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1"/>
  </si>
  <si>
    <t>令和３年度　水防情報基盤緊急整備工事　県単（その２）河川修繕工事　県単（その59）合併</t>
  </si>
  <si>
    <t>令和３年度　河川修繕工事（ゼロ県債）（その３）</t>
    <rPh sb="0" eb="2">
      <t>レイワ</t>
    </rPh>
    <rPh sb="3" eb="5">
      <t>ネンド</t>
    </rPh>
    <rPh sb="6" eb="8">
      <t>カセン</t>
    </rPh>
    <rPh sb="8" eb="12">
      <t>シュウゼンコウジ</t>
    </rPh>
    <rPh sb="15" eb="17">
      <t>ケンサイ</t>
    </rPh>
    <phoneticPr fontId="8"/>
  </si>
  <si>
    <t>令和３年度　道路災害防除工事　県単（その100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21"/>
  </si>
  <si>
    <t>令和３年度交通安全施設等整備工事公共（その５）県単（その15）令和３年度交通安全施設補修工事県単（その40）合併</t>
    <rPh sb="0" eb="2">
      <t>レイワ</t>
    </rPh>
    <rPh sb="3" eb="5">
      <t>ネンド</t>
    </rPh>
    <rPh sb="5" eb="7">
      <t>コウツウ</t>
    </rPh>
    <rPh sb="7" eb="9">
      <t>アンゼン</t>
    </rPh>
    <rPh sb="9" eb="11">
      <t>シセツ</t>
    </rPh>
    <rPh sb="11" eb="12">
      <t>トウ</t>
    </rPh>
    <rPh sb="12" eb="14">
      <t>セイビ</t>
    </rPh>
    <rPh sb="14" eb="16">
      <t>コウジ</t>
    </rPh>
    <rPh sb="16" eb="18">
      <t>コウキョウ</t>
    </rPh>
    <rPh sb="23" eb="24">
      <t>ケン</t>
    </rPh>
    <rPh sb="24" eb="25">
      <t>タン</t>
    </rPh>
    <rPh sb="31" eb="33">
      <t>レイワ</t>
    </rPh>
    <rPh sb="34" eb="36">
      <t>ネンド</t>
    </rPh>
    <rPh sb="36" eb="38">
      <t>コウツウ</t>
    </rPh>
    <rPh sb="38" eb="40">
      <t>アンゼン</t>
    </rPh>
    <rPh sb="40" eb="42">
      <t>シセツ</t>
    </rPh>
    <rPh sb="42" eb="44">
      <t>ホシュウ</t>
    </rPh>
    <rPh sb="44" eb="46">
      <t>コウジ</t>
    </rPh>
    <rPh sb="46" eb="47">
      <t>ケン</t>
    </rPh>
    <rPh sb="47" eb="48">
      <t>タン</t>
    </rPh>
    <rPh sb="54" eb="56">
      <t>ガッペイ</t>
    </rPh>
    <phoneticPr fontId="8"/>
  </si>
  <si>
    <t>令和3年度　都市公園整備工事　公共（その701）公園整備工事　県単（その709）合併</t>
    <rPh sb="0" eb="2">
      <t>レイワ</t>
    </rPh>
    <rPh sb="3" eb="4">
      <t>ネン</t>
    </rPh>
    <rPh sb="4" eb="5">
      <t>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4" eb="26">
      <t>コウエン</t>
    </rPh>
    <rPh sb="26" eb="28">
      <t>セイビ</t>
    </rPh>
    <rPh sb="28" eb="30">
      <t>コウジ</t>
    </rPh>
    <rPh sb="31" eb="32">
      <t>ケン</t>
    </rPh>
    <rPh sb="32" eb="33">
      <t>タン</t>
    </rPh>
    <rPh sb="40" eb="42">
      <t>ガッペイ</t>
    </rPh>
    <phoneticPr fontId="21"/>
  </si>
  <si>
    <t>令和３年度　橋りょう補修工事　県単（その17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8"/>
  </si>
  <si>
    <t>令和３年度　橋りょう補修工事　県単（その18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8"/>
  </si>
  <si>
    <t>令和３年度　道路補修工事　公共（その11）　令和４年度　橋りょう補修工事　県単（その７）　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コウキョウ</t>
    </rPh>
    <rPh sb="22" eb="24">
      <t>レイワ</t>
    </rPh>
    <rPh sb="25" eb="27">
      <t>ネンド</t>
    </rPh>
    <rPh sb="28" eb="29">
      <t>キョウ</t>
    </rPh>
    <rPh sb="32" eb="36">
      <t>ホシュウコウジ</t>
    </rPh>
    <rPh sb="37" eb="38">
      <t>ケン</t>
    </rPh>
    <rPh sb="38" eb="39">
      <t>タン</t>
    </rPh>
    <rPh sb="45" eb="47">
      <t>ガッペイ</t>
    </rPh>
    <phoneticPr fontId="8"/>
  </si>
  <si>
    <t>令和３年度　橋りょう補修工事（前金付県債）（その16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21"/>
  </si>
  <si>
    <t>令和３年度 交通安全施設等整備工事 公共（その9）交通安全施設補修工事 県単（その91）合併</t>
  </si>
  <si>
    <t>令和３年度 交通安全施設補修工事 県単（その93）令和４年度 交通安全施設等整備工事 県単（その9）合併</t>
  </si>
  <si>
    <t>令和３年度 交通安全施設等整備工事 公共（その10）令和３年度 交通安全施設補修工事 県単（その92）令和４年度 交通安全施設等整備工事 県単（その8）　合併</t>
    <rPh sb="26" eb="28">
      <t>レイワ</t>
    </rPh>
    <rPh sb="29" eb="31">
      <t>ネンド</t>
    </rPh>
    <phoneticPr fontId="5"/>
  </si>
  <si>
    <t>令和２年度 道路改良工事 公共（その52）令和３年度 道路改良工事 県単（その８）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1" eb="23">
      <t>レイワ</t>
    </rPh>
    <rPh sb="24" eb="25">
      <t>ネン</t>
    </rPh>
    <rPh sb="25" eb="26">
      <t>ド</t>
    </rPh>
    <rPh sb="27" eb="29">
      <t>ドウロ</t>
    </rPh>
    <rPh sb="29" eb="31">
      <t>カイリョウ</t>
    </rPh>
    <rPh sb="31" eb="33">
      <t>コウジ</t>
    </rPh>
    <rPh sb="34" eb="35">
      <t>ケン</t>
    </rPh>
    <rPh sb="35" eb="36">
      <t>タン</t>
    </rPh>
    <rPh sb="41" eb="43">
      <t>ガッペイ</t>
    </rPh>
    <phoneticPr fontId="21"/>
  </si>
  <si>
    <t>令和３年度　道路改良工事　ゼロ県債（その１）</t>
  </si>
  <si>
    <t>令和３年度　電線地中化促進工事　県単（その３）
令和４年度　道路補修工事　県単（その27）合併</t>
  </si>
  <si>
    <t>令和４年度　道路補修工事　県単（その30）
　　　　　　橋りょう補修工事　県単（その15）合併</t>
    <rPh sb="6" eb="8">
      <t>ドウロ</t>
    </rPh>
    <rPh sb="8" eb="10">
      <t>ホシュウ</t>
    </rPh>
    <rPh sb="10" eb="12">
      <t>コウジ</t>
    </rPh>
    <rPh sb="28" eb="29">
      <t>キョウ</t>
    </rPh>
    <rPh sb="32" eb="34">
      <t>ホシュウ</t>
    </rPh>
    <rPh sb="34" eb="36">
      <t>コウジ</t>
    </rPh>
    <phoneticPr fontId="8"/>
  </si>
  <si>
    <t>令和４年度　道路補修工事　県単（その31）</t>
    <rPh sb="0" eb="2">
      <t>レイワ</t>
    </rPh>
    <rPh sb="3" eb="5">
      <t>ネンド</t>
    </rPh>
    <phoneticPr fontId="8"/>
  </si>
  <si>
    <t>令和３年度　道路災害防除工事　公共（その11）令和４年度　道路災害防除工事　公共（その１）県単（その43）合併</t>
    <rPh sb="0" eb="2">
      <t>レイワ</t>
    </rPh>
    <rPh sb="3" eb="5">
      <t>ネンド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レイワ</t>
    </rPh>
    <rPh sb="26" eb="27">
      <t>ネン</t>
    </rPh>
    <rPh sb="27" eb="28">
      <t>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40">
      <t>コウキョウ</t>
    </rPh>
    <rPh sb="45" eb="46">
      <t>ケン</t>
    </rPh>
    <rPh sb="46" eb="47">
      <t>タン</t>
    </rPh>
    <rPh sb="53" eb="55">
      <t>ガッペイ</t>
    </rPh>
    <phoneticPr fontId="8"/>
  </si>
  <si>
    <t>令和４年度　道路補修工事　県単（その28）</t>
    <rPh sb="0" eb="2">
      <t>レイワ</t>
    </rPh>
    <rPh sb="3" eb="5">
      <t>ネンド</t>
    </rPh>
    <phoneticPr fontId="8"/>
  </si>
  <si>
    <t>令和４年度　道路補修工事　県単（その29）橋りょう補修工事　県単（その16）合併</t>
    <rPh sb="0" eb="2">
      <t>レイワ</t>
    </rPh>
    <rPh sb="3" eb="4">
      <t>ネン</t>
    </rPh>
    <rPh sb="4" eb="5">
      <t>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rPh sb="21" eb="22">
      <t>キョウ</t>
    </rPh>
    <rPh sb="25" eb="27">
      <t>ホシュウ</t>
    </rPh>
    <rPh sb="27" eb="29">
      <t>コウジ</t>
    </rPh>
    <rPh sb="30" eb="31">
      <t>ケン</t>
    </rPh>
    <rPh sb="31" eb="32">
      <t>タン</t>
    </rPh>
    <rPh sb="38" eb="40">
      <t>ガッペイ</t>
    </rPh>
    <phoneticPr fontId="21"/>
  </si>
  <si>
    <t>令和４年度　道路補修工事　県単（その26）</t>
    <rPh sb="6" eb="8">
      <t>ドウロ</t>
    </rPh>
    <rPh sb="8" eb="10">
      <t>ホシュウ</t>
    </rPh>
    <rPh sb="10" eb="12">
      <t>コウジ</t>
    </rPh>
    <phoneticPr fontId="8"/>
  </si>
  <si>
    <t>令和3年度　道路改良工事　公共（その5）県単（その6）　令和4年度　道路改良工事　県単（その8）　合併</t>
    <rPh sb="0" eb="2">
      <t>レイワ</t>
    </rPh>
    <rPh sb="3" eb="4">
      <t>ネン</t>
    </rPh>
    <rPh sb="4" eb="5">
      <t>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2">
      <t>ケンタン</t>
    </rPh>
    <rPh sb="28" eb="30">
      <t>レイワ</t>
    </rPh>
    <rPh sb="31" eb="33">
      <t>ネンド</t>
    </rPh>
    <rPh sb="34" eb="36">
      <t>ドウロ</t>
    </rPh>
    <rPh sb="36" eb="38">
      <t>カイリョウ</t>
    </rPh>
    <rPh sb="38" eb="40">
      <t>コウジ</t>
    </rPh>
    <rPh sb="41" eb="42">
      <t>ケン</t>
    </rPh>
    <rPh sb="42" eb="43">
      <t>タン</t>
    </rPh>
    <rPh sb="49" eb="51">
      <t>ガッペイ</t>
    </rPh>
    <phoneticPr fontId="8"/>
  </si>
  <si>
    <t>令和３年度 交通安全施設等整備工事 公共（その7）
令和４年度 交通安全施設等整備工事 県単（その6）　合併</t>
  </si>
  <si>
    <t>令和３年度　急傾斜地崩壊対策工事　公共（その２）令和４年度　急傾斜地崩壊対策工事　公共（その１）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40">
      <t>キュウケイシャチホウカイタイサクコウジ</t>
    </rPh>
    <rPh sb="41" eb="43">
      <t>コウキョウ</t>
    </rPh>
    <rPh sb="48" eb="50">
      <t>ガッペイ</t>
    </rPh>
    <phoneticPr fontId="8"/>
  </si>
  <si>
    <t>令和３年度　急傾斜地崩壊対策工事　公共（その３）令和４年度　急傾斜地崩壊対策工事　公共（その１）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9">
      <t>ネンド</t>
    </rPh>
    <rPh sb="30" eb="40">
      <t>キュウケイシャチホウカイタイサクコウジ</t>
    </rPh>
    <rPh sb="41" eb="43">
      <t>コウキョウ</t>
    </rPh>
    <rPh sb="48" eb="50">
      <t>ガッペイ</t>
    </rPh>
    <phoneticPr fontId="21"/>
  </si>
  <si>
    <t>令和３年度　河川改修工事　公共（その３）令和４年度　河川改修工事　公共（その２）河川修繕工事　県単(その11)合併</t>
    <rPh sb="24" eb="25">
      <t>ド</t>
    </rPh>
    <phoneticPr fontId="5"/>
  </si>
  <si>
    <t>令和４年度　道路災害防除工事　県単（その100）</t>
  </si>
  <si>
    <t>令和３年度　橋りょう補修工事　公共（その12）
令和４年度　橋りょう補修工事　県単（その10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24" eb="26">
      <t>レイワ</t>
    </rPh>
    <rPh sb="27" eb="29">
      <t>ネンド</t>
    </rPh>
    <rPh sb="30" eb="31">
      <t>キョウ</t>
    </rPh>
    <rPh sb="34" eb="36">
      <t>ホシュウ</t>
    </rPh>
    <rPh sb="36" eb="38">
      <t>コウジ</t>
    </rPh>
    <rPh sb="39" eb="40">
      <t>ケン</t>
    </rPh>
    <rPh sb="40" eb="41">
      <t>タン</t>
    </rPh>
    <rPh sb="47" eb="49">
      <t>ガッペイ</t>
    </rPh>
    <phoneticPr fontId="21"/>
  </si>
  <si>
    <t>令和３年度　橋りょう補修工事　県単（その42）令和４年度　橋りょう補修工事　県単（その５）　合併</t>
    <rPh sb="23" eb="25">
      <t>レイワ</t>
    </rPh>
    <rPh sb="26" eb="27">
      <t>ネン</t>
    </rPh>
    <rPh sb="27" eb="28">
      <t>ド</t>
    </rPh>
    <rPh sb="29" eb="30">
      <t>キョウ</t>
    </rPh>
    <rPh sb="33" eb="35">
      <t>ホシュウ</t>
    </rPh>
    <rPh sb="35" eb="37">
      <t>コウジ</t>
    </rPh>
    <rPh sb="38" eb="39">
      <t>ケン</t>
    </rPh>
    <rPh sb="39" eb="40">
      <t>タン</t>
    </rPh>
    <rPh sb="46" eb="48">
      <t>ガッペイ</t>
    </rPh>
    <phoneticPr fontId="21"/>
  </si>
  <si>
    <t>令和４年度　橋りょう補修工事　県単（その19）</t>
    <rPh sb="0" eb="2">
      <t>レイワ</t>
    </rPh>
    <rPh sb="3" eb="4">
      <t>ネン</t>
    </rPh>
    <rPh sb="4" eb="5">
      <t>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8"/>
  </si>
  <si>
    <t>令和４年度　橋りょう補修工事　県単（その21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phoneticPr fontId="8"/>
  </si>
  <si>
    <t>令和３年度　道路災害防除工事　県単（その112）　令和４年度　道路災害防除工事　県単（その59）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5" eb="27">
      <t>レイワ</t>
    </rPh>
    <rPh sb="28" eb="30">
      <t>ネンド</t>
    </rPh>
    <rPh sb="31" eb="33">
      <t>ドウロ</t>
    </rPh>
    <rPh sb="33" eb="35">
      <t>サイガイ</t>
    </rPh>
    <rPh sb="35" eb="37">
      <t>ボウジョ</t>
    </rPh>
    <rPh sb="37" eb="39">
      <t>コウジ</t>
    </rPh>
    <rPh sb="40" eb="41">
      <t>ケン</t>
    </rPh>
    <rPh sb="41" eb="42">
      <t>タン</t>
    </rPh>
    <rPh sb="48" eb="50">
      <t>ガッペイ</t>
    </rPh>
    <phoneticPr fontId="8"/>
  </si>
  <si>
    <t>令和3年度 交通安全施設等整備工事 公共(その2)県単(その7) 令和3年度 交通安全施設補修工事 県単(その27)　合併</t>
    <rPh sb="0" eb="2">
      <t>レイワ</t>
    </rPh>
    <rPh sb="3" eb="5">
      <t>ネンド</t>
    </rPh>
    <rPh sb="6" eb="8">
      <t>コウツウ</t>
    </rPh>
    <rPh sb="8" eb="10">
      <t>アンゼン</t>
    </rPh>
    <rPh sb="10" eb="13">
      <t>シセツナド</t>
    </rPh>
    <rPh sb="13" eb="15">
      <t>セイビ</t>
    </rPh>
    <rPh sb="15" eb="17">
      <t>コウジ</t>
    </rPh>
    <rPh sb="18" eb="20">
      <t>コウキョウ</t>
    </rPh>
    <rPh sb="25" eb="27">
      <t>ケンタン</t>
    </rPh>
    <rPh sb="33" eb="35">
      <t>レイワ</t>
    </rPh>
    <rPh sb="36" eb="38">
      <t>ネンド</t>
    </rPh>
    <rPh sb="39" eb="41">
      <t>コウツウ</t>
    </rPh>
    <rPh sb="41" eb="43">
      <t>アンゼン</t>
    </rPh>
    <rPh sb="43" eb="45">
      <t>シセツ</t>
    </rPh>
    <rPh sb="45" eb="47">
      <t>ホシュウ</t>
    </rPh>
    <rPh sb="47" eb="49">
      <t>コウジ</t>
    </rPh>
    <rPh sb="50" eb="52">
      <t>ケンタン</t>
    </rPh>
    <rPh sb="59" eb="61">
      <t>ガッペイ</t>
    </rPh>
    <phoneticPr fontId="21"/>
  </si>
  <si>
    <t>令和３年度道路改良工事 公共（その６）県単（その14）令和４年度道路改良工事 公共（その４）県単（その５）合併</t>
    <rPh sb="0" eb="2">
      <t>レイワ</t>
    </rPh>
    <rPh sb="3" eb="4">
      <t>ネン</t>
    </rPh>
    <rPh sb="4" eb="5">
      <t>ド</t>
    </rPh>
    <rPh sb="5" eb="7">
      <t>ドウロ</t>
    </rPh>
    <rPh sb="7" eb="9">
      <t>カイリョウ</t>
    </rPh>
    <rPh sb="9" eb="11">
      <t>コウジ</t>
    </rPh>
    <rPh sb="12" eb="14">
      <t>コウキョウ</t>
    </rPh>
    <rPh sb="19" eb="20">
      <t>ケン</t>
    </rPh>
    <rPh sb="20" eb="21">
      <t>タン</t>
    </rPh>
    <rPh sb="27" eb="29">
      <t>レイワ</t>
    </rPh>
    <rPh sb="30" eb="31">
      <t>ネン</t>
    </rPh>
    <rPh sb="31" eb="32">
      <t>ド</t>
    </rPh>
    <rPh sb="53" eb="55">
      <t>ガッペイ</t>
    </rPh>
    <phoneticPr fontId="21"/>
  </si>
  <si>
    <t>令和３年度都市公園整備工事公共（その803）令和４年度都市公園整備工事公共（その801）公園整備工事県単（その801）合併</t>
    <rPh sb="0" eb="2">
      <t>レイワ</t>
    </rPh>
    <rPh sb="3" eb="5">
      <t>ネンド</t>
    </rPh>
    <rPh sb="5" eb="7">
      <t>トシ</t>
    </rPh>
    <rPh sb="7" eb="9">
      <t>コウエン</t>
    </rPh>
    <rPh sb="9" eb="11">
      <t>セイビ</t>
    </rPh>
    <rPh sb="11" eb="13">
      <t>コウジ</t>
    </rPh>
    <rPh sb="13" eb="15">
      <t>コウキョウ</t>
    </rPh>
    <rPh sb="22" eb="24">
      <t>レイワ</t>
    </rPh>
    <rPh sb="25" eb="27">
      <t>ネンド</t>
    </rPh>
    <rPh sb="27" eb="29">
      <t>トシ</t>
    </rPh>
    <rPh sb="29" eb="31">
      <t>コウエン</t>
    </rPh>
    <rPh sb="31" eb="33">
      <t>セイビ</t>
    </rPh>
    <rPh sb="33" eb="35">
      <t>コウジ</t>
    </rPh>
    <rPh sb="35" eb="37">
      <t>コウキョウ</t>
    </rPh>
    <rPh sb="44" eb="46">
      <t>コウエン</t>
    </rPh>
    <rPh sb="46" eb="48">
      <t>セイビ</t>
    </rPh>
    <rPh sb="48" eb="50">
      <t>コウジ</t>
    </rPh>
    <rPh sb="50" eb="52">
      <t>ケンタン</t>
    </rPh>
    <rPh sb="59" eb="61">
      <t>ガッペイ</t>
    </rPh>
    <phoneticPr fontId="8"/>
  </si>
  <si>
    <t>令和４年度都市公園整備工事公共（その802）公園整備工事県単（その802）合併</t>
    <rPh sb="0" eb="2">
      <t>レイワ</t>
    </rPh>
    <rPh sb="3" eb="5">
      <t>ネンド</t>
    </rPh>
    <rPh sb="5" eb="15">
      <t>トシコウエンセイビコウジコウキョウ</t>
    </rPh>
    <rPh sb="22" eb="24">
      <t>コウエン</t>
    </rPh>
    <rPh sb="24" eb="26">
      <t>セイビ</t>
    </rPh>
    <rPh sb="26" eb="28">
      <t>コウジ</t>
    </rPh>
    <rPh sb="28" eb="30">
      <t>ケンタン</t>
    </rPh>
    <rPh sb="37" eb="39">
      <t>ガッペイ</t>
    </rPh>
    <phoneticPr fontId="8"/>
  </si>
  <si>
    <t>令和４年度公園整備工事県単（その804）</t>
    <rPh sb="0" eb="2">
      <t>レイワ</t>
    </rPh>
    <rPh sb="3" eb="5">
      <t>ネンド</t>
    </rPh>
    <rPh sb="5" eb="7">
      <t>コウエン</t>
    </rPh>
    <rPh sb="7" eb="11">
      <t>セイビコウジ</t>
    </rPh>
    <rPh sb="11" eb="13">
      <t>ケンタン</t>
    </rPh>
    <phoneticPr fontId="8"/>
  </si>
  <si>
    <t>令和4年度　道路改良工事　公共（その4）　街路整備工事　県単（その12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1" eb="23">
      <t>ガイロ</t>
    </rPh>
    <rPh sb="23" eb="25">
      <t>セイビ</t>
    </rPh>
    <rPh sb="25" eb="27">
      <t>コウジ</t>
    </rPh>
    <rPh sb="28" eb="29">
      <t>ケン</t>
    </rPh>
    <rPh sb="29" eb="30">
      <t>タン</t>
    </rPh>
    <rPh sb="36" eb="38">
      <t>ガッペイ</t>
    </rPh>
    <phoneticPr fontId="8"/>
  </si>
  <si>
    <t>令和４年度　河川維持改修工事　県単（その１）</t>
    <rPh sb="0" eb="2">
      <t>レイワ</t>
    </rPh>
    <rPh sb="3" eb="4">
      <t>ネン</t>
    </rPh>
    <rPh sb="4" eb="5">
      <t>ド</t>
    </rPh>
    <rPh sb="6" eb="14">
      <t>カセンイジカイシュウコウジ</t>
    </rPh>
    <rPh sb="15" eb="16">
      <t>ケン</t>
    </rPh>
    <rPh sb="16" eb="17">
      <t>タン</t>
    </rPh>
    <phoneticPr fontId="8"/>
  </si>
  <si>
    <t>令和４年度　河川修繕工事　県単（その４）</t>
    <rPh sb="0" eb="2">
      <t>レイワ</t>
    </rPh>
    <rPh sb="3" eb="4">
      <t>ネン</t>
    </rPh>
    <rPh sb="4" eb="5">
      <t>ド</t>
    </rPh>
    <rPh sb="6" eb="12">
      <t>カセンシュウゼンコウジ</t>
    </rPh>
    <rPh sb="13" eb="14">
      <t>ケン</t>
    </rPh>
    <rPh sb="14" eb="15">
      <t>タン</t>
    </rPh>
    <phoneticPr fontId="8"/>
  </si>
  <si>
    <t>令和３年度　河川改修工事　公共（その２）令和４年度　河川改修工事　公共（その１）河川修繕工事　県単(その10)合併</t>
  </si>
  <si>
    <t>令和３年度　河川改修工事　公共（その１）令和４年度　河川改修工事　公共（その３）河川修繕工事　県単(その７)合併</t>
  </si>
  <si>
    <t>令和４年度　河川修繕工事　県単（その20）</t>
    <rPh sb="4" eb="5">
      <t>ド</t>
    </rPh>
    <phoneticPr fontId="5"/>
  </si>
  <si>
    <t>令和３年度河川修繕工事　県単（その71）令和４年河川修繕工事　県単（その19）河川維持改修工事　県単(その１)合併</t>
  </si>
  <si>
    <t>令和３年度　 河川環境整備工事　県単（その３）令和４年度　河川環境整備工事　県単（その１）河川維持改修工事　県単（その２）合併　</t>
  </si>
  <si>
    <t>令和３年度河川改修工事　公共（その４）県単（その47）合併</t>
  </si>
  <si>
    <t>令和４年度　河川修繕工事　県単（その32）</t>
  </si>
  <si>
    <t xml:space="preserve">令和４年度　川づくり推進工事　県単(その２) 河川修繕工事　県単(その８)　合併
</t>
  </si>
  <si>
    <t>令和２年度　公園整備工事　県単（その６）　令和３年度　公園整備工事　県単（その３）　令和４年度　公園整備工事　県単（その２）　合併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29">
      <t>コウエン</t>
    </rPh>
    <rPh sb="29" eb="31">
      <t>セイビ</t>
    </rPh>
    <rPh sb="31" eb="33">
      <t>コウジ</t>
    </rPh>
    <rPh sb="34" eb="35">
      <t>ケン</t>
    </rPh>
    <rPh sb="35" eb="36">
      <t>タン</t>
    </rPh>
    <rPh sb="42" eb="44">
      <t>レイワ</t>
    </rPh>
    <rPh sb="44" eb="47">
      <t>ヨネンド</t>
    </rPh>
    <rPh sb="48" eb="50">
      <t>コウエン</t>
    </rPh>
    <rPh sb="50" eb="52">
      <t>セイビ</t>
    </rPh>
    <rPh sb="52" eb="54">
      <t>コウジ</t>
    </rPh>
    <rPh sb="55" eb="56">
      <t>ケン</t>
    </rPh>
    <rPh sb="56" eb="57">
      <t>タン</t>
    </rPh>
    <rPh sb="63" eb="65">
      <t>ガッペイ</t>
    </rPh>
    <phoneticPr fontId="8"/>
  </si>
  <si>
    <t>令和２年度　河川改修工事　公共（その２）　令和３年度　河川改修工事　公共（その１）・県単（その10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カセン</t>
    </rPh>
    <rPh sb="29" eb="31">
      <t>カイシュウ</t>
    </rPh>
    <rPh sb="31" eb="33">
      <t>コウジ</t>
    </rPh>
    <rPh sb="34" eb="36">
      <t>コウキョウ</t>
    </rPh>
    <rPh sb="42" eb="43">
      <t>ケン</t>
    </rPh>
    <rPh sb="43" eb="44">
      <t>タン</t>
    </rPh>
    <rPh sb="51" eb="53">
      <t>ガッペイ</t>
    </rPh>
    <phoneticPr fontId="8"/>
  </si>
  <si>
    <t>令和２年度　河川改修工事　公共（その２）　令和２年度　河川改修工事　県単（その７）　令和３年度　河川改修工事　県単（その47）　合併</t>
  </si>
  <si>
    <t>令和２年度　河川改修工事　公共（その１）　令和３年度　河川改修工事　県単（その11）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カセン</t>
    </rPh>
    <rPh sb="29" eb="31">
      <t>カイシュウ</t>
    </rPh>
    <rPh sb="31" eb="33">
      <t>コウジ</t>
    </rPh>
    <rPh sb="34" eb="35">
      <t>ケン</t>
    </rPh>
    <rPh sb="35" eb="36">
      <t>タン</t>
    </rPh>
    <rPh sb="43" eb="45">
      <t>ガッペイ</t>
    </rPh>
    <phoneticPr fontId="8"/>
  </si>
  <si>
    <t>令和３年度　道路補修工事（ゼロ県債）</t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8"/>
  </si>
  <si>
    <t>令和３年度　電線地中化促進工事　県単　令和３年度　道路補修工事　県単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7">
      <t>ケン</t>
    </rPh>
    <rPh sb="17" eb="18">
      <t>タン</t>
    </rPh>
    <rPh sb="19" eb="21">
      <t>レイワ</t>
    </rPh>
    <rPh sb="22" eb="24">
      <t>ネンド</t>
    </rPh>
    <rPh sb="25" eb="27">
      <t>ドウロ</t>
    </rPh>
    <rPh sb="27" eb="29">
      <t>ホシュウ</t>
    </rPh>
    <rPh sb="29" eb="31">
      <t>コウジ</t>
    </rPh>
    <rPh sb="32" eb="33">
      <t>ケン</t>
    </rPh>
    <rPh sb="33" eb="34">
      <t>タン</t>
    </rPh>
    <rPh sb="35" eb="37">
      <t>ガッペイ</t>
    </rPh>
    <phoneticPr fontId="8"/>
  </si>
  <si>
    <t>令和３年度　公園整備工事（ゼロ県債）（その２）</t>
    <rPh sb="6" eb="8">
      <t>コウエン</t>
    </rPh>
    <rPh sb="8" eb="10">
      <t>セイビ</t>
    </rPh>
    <rPh sb="10" eb="12">
      <t>コウジ</t>
    </rPh>
    <rPh sb="15" eb="16">
      <t>ケン</t>
    </rPh>
    <rPh sb="16" eb="17">
      <t>サイ</t>
    </rPh>
    <phoneticPr fontId="8"/>
  </si>
  <si>
    <t>令和３年度　河川修繕工事　県単（その40）　令和４年度　河川修繕工事　県単（その21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5">
      <t>ケンタン</t>
    </rPh>
    <rPh sb="22" eb="24">
      <t>レイワ</t>
    </rPh>
    <rPh sb="25" eb="27">
      <t>ネンド</t>
    </rPh>
    <rPh sb="28" eb="34">
      <t>カセンシュウゼンコウジ</t>
    </rPh>
    <rPh sb="35" eb="36">
      <t>ケン</t>
    </rPh>
    <rPh sb="36" eb="37">
      <t>タン</t>
    </rPh>
    <rPh sb="43" eb="45">
      <t>ガッペイ</t>
    </rPh>
    <phoneticPr fontId="8"/>
  </si>
  <si>
    <t>令和３年度　交通安全施設補修工事（ゼロ県債）（その４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6"/>
  </si>
  <si>
    <t>令和３年度　交通安全施設補修工事（ゼロ県債）（その３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6"/>
  </si>
  <si>
    <t>令和２年度　河川改修工事　公共(その３)　令和２年度　河川改修工事　県単(その８)　合併</t>
  </si>
  <si>
    <t>二級河川境川　河川改修（落差工）工事（その５）</t>
    <rPh sb="0" eb="2">
      <t>２キュウ</t>
    </rPh>
    <rPh sb="2" eb="4">
      <t>カセン</t>
    </rPh>
    <rPh sb="4" eb="6">
      <t>サカイガワ</t>
    </rPh>
    <rPh sb="7" eb="9">
      <t>カセン</t>
    </rPh>
    <rPh sb="9" eb="11">
      <t>カイシュウ</t>
    </rPh>
    <rPh sb="12" eb="14">
      <t>ラクサ</t>
    </rPh>
    <rPh sb="14" eb="15">
      <t>コウ</t>
    </rPh>
    <rPh sb="16" eb="18">
      <t>コウジ</t>
    </rPh>
    <phoneticPr fontId="8"/>
  </si>
  <si>
    <t>令和４年度　道路補修工事　県単</t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8"/>
  </si>
  <si>
    <t>令和２年度　街路整備工事　ゼロ県債（その２）</t>
  </si>
  <si>
    <t>令和４年度　都市公園整備工事　公共（その１）令和４年度　公園整備工事　県単（その１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4">
      <t>コウエンセイビコウジ</t>
    </rPh>
    <rPh sb="35" eb="36">
      <t>ケン</t>
    </rPh>
    <rPh sb="36" eb="37">
      <t>タン</t>
    </rPh>
    <rPh sb="42" eb="44">
      <t>ガッペイ</t>
    </rPh>
    <phoneticPr fontId="8"/>
  </si>
  <si>
    <t>令和４年度　街路樹整備工事　県単　道路補修工事　県単　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17" eb="23">
      <t>ドウロホシュウコウジ</t>
    </rPh>
    <rPh sb="24" eb="25">
      <t>ケン</t>
    </rPh>
    <rPh sb="25" eb="26">
      <t>タン</t>
    </rPh>
    <rPh sb="27" eb="29">
      <t>ガッペイ</t>
    </rPh>
    <phoneticPr fontId="8"/>
  </si>
  <si>
    <t>令和3年度　街路整備工事　県単（その12）</t>
  </si>
  <si>
    <t>二級河川引地川河川改修（護岸工）工事（その２）</t>
    <rPh sb="0" eb="2">
      <t>ニキュウ</t>
    </rPh>
    <rPh sb="2" eb="4">
      <t>カセン</t>
    </rPh>
    <rPh sb="4" eb="6">
      <t>ヒキチ</t>
    </rPh>
    <rPh sb="6" eb="7">
      <t>ガワ</t>
    </rPh>
    <rPh sb="7" eb="9">
      <t>カセン</t>
    </rPh>
    <rPh sb="9" eb="11">
      <t>カイシュウ</t>
    </rPh>
    <rPh sb="12" eb="15">
      <t>ゴガンコウ</t>
    </rPh>
    <rPh sb="16" eb="18">
      <t>コウジ</t>
    </rPh>
    <phoneticPr fontId="8"/>
  </si>
  <si>
    <t>令和４年度　道路災害防除工事　県単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8"/>
  </si>
  <si>
    <t>令和４年度　道路補修工事　県単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phoneticPr fontId="8"/>
  </si>
  <si>
    <t>令和４年度　街路樹整備工事　県単　道路補修工事　県単　合併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rPh sb="17" eb="19">
      <t>ドウロ</t>
    </rPh>
    <rPh sb="19" eb="21">
      <t>ホシュウ</t>
    </rPh>
    <rPh sb="21" eb="23">
      <t>コウジ</t>
    </rPh>
    <rPh sb="24" eb="25">
      <t>ケン</t>
    </rPh>
    <rPh sb="25" eb="26">
      <t>タン</t>
    </rPh>
    <rPh sb="27" eb="29">
      <t>ガッペイ</t>
    </rPh>
    <phoneticPr fontId="8"/>
  </si>
  <si>
    <t>令和４年度　交通安全施設等整備工事　公共（その１）県単（その９）交通安全施設補修工事　県単（その19）合併</t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4">
      <t>ケン</t>
    </rPh>
    <rPh sb="44" eb="45">
      <t>タン</t>
    </rPh>
    <phoneticPr fontId="8"/>
  </si>
  <si>
    <t>令和３年度　河川改修工事　県単（その57）　令和４年度　河川修繕工事　県単（その25）　令和４年度　河川改修工事　県単（その52）合併</t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0">
      <t>カセン</t>
    </rPh>
    <rPh sb="30" eb="32">
      <t>シュウゼン</t>
    </rPh>
    <rPh sb="32" eb="34">
      <t>コウジ</t>
    </rPh>
    <rPh sb="35" eb="36">
      <t>ケン</t>
    </rPh>
    <rPh sb="36" eb="37">
      <t>タン</t>
    </rPh>
    <rPh sb="65" eb="67">
      <t>ガッペイ</t>
    </rPh>
    <phoneticPr fontId="8"/>
  </si>
  <si>
    <t>令和４年度　急傾斜地施設改良工事　県単（その１）　急傾斜地崩壊対策工事　県単（その１）　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シセツ</t>
    </rPh>
    <rPh sb="12" eb="14">
      <t>カイリョウ</t>
    </rPh>
    <rPh sb="14" eb="16">
      <t>コウジ</t>
    </rPh>
    <rPh sb="17" eb="18">
      <t>ケン</t>
    </rPh>
    <rPh sb="18" eb="19">
      <t>タン</t>
    </rPh>
    <rPh sb="25" eb="26">
      <t>キュウ</t>
    </rPh>
    <rPh sb="26" eb="29">
      <t>ケイシャチ</t>
    </rPh>
    <rPh sb="29" eb="35">
      <t>ホウカイタイサクコウジ</t>
    </rPh>
    <rPh sb="36" eb="37">
      <t>ケン</t>
    </rPh>
    <rPh sb="37" eb="38">
      <t>タン</t>
    </rPh>
    <rPh sb="44" eb="46">
      <t>ガッペイ</t>
    </rPh>
    <phoneticPr fontId="8"/>
  </si>
  <si>
    <t>令和３年度　街路整備工事　公共（その３）　令和３年度　街路整備工事　県単（その40）合併</t>
  </si>
  <si>
    <t>令和３年度　道路改良工事　県単（その20）　令和４年度　道路改良工事　県単（その14）　合併</t>
    <rPh sb="22" eb="24">
      <t>レイワ</t>
    </rPh>
    <rPh sb="24" eb="27">
      <t>ヨネンド</t>
    </rPh>
    <rPh sb="28" eb="30">
      <t>ドウロ</t>
    </rPh>
    <rPh sb="30" eb="32">
      <t>カイリョウ</t>
    </rPh>
    <rPh sb="32" eb="34">
      <t>コウジ</t>
    </rPh>
    <rPh sb="35" eb="36">
      <t>ケン</t>
    </rPh>
    <rPh sb="36" eb="37">
      <t>タン</t>
    </rPh>
    <rPh sb="44" eb="46">
      <t>ガッペイ</t>
    </rPh>
    <phoneticPr fontId="5"/>
  </si>
  <si>
    <t>令和３年度　都市公園整備工事　公共（その３）　令和４年度　都市公園整備工事　公共（その１）　令和４年度　公園整備工事　県単（その１）　合併</t>
  </si>
  <si>
    <t>二級河川境川　河川改修（護岸工）工事（その６）</t>
    <rPh sb="0" eb="2">
      <t>ニキュウ</t>
    </rPh>
    <rPh sb="2" eb="4">
      <t>カセン</t>
    </rPh>
    <rPh sb="4" eb="6">
      <t>サカイガワ</t>
    </rPh>
    <rPh sb="7" eb="9">
      <t>カセン</t>
    </rPh>
    <rPh sb="9" eb="11">
      <t>カイシュウ</t>
    </rPh>
    <rPh sb="12" eb="15">
      <t>ゴガンコウ</t>
    </rPh>
    <rPh sb="16" eb="18">
      <t>コウジ</t>
    </rPh>
    <phoneticPr fontId="8"/>
  </si>
  <si>
    <t>令和４年度　河川改修工事　公共（その２）　令和４年度　河川改修工事　県単（その５）　合併</t>
  </si>
  <si>
    <t>令和４年度　電線地中化促進工事　公共　県単　道路補修工事　県単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19" eb="20">
      <t>ケン</t>
    </rPh>
    <rPh sb="20" eb="21">
      <t>タン</t>
    </rPh>
    <rPh sb="22" eb="28">
      <t>ドウロホシュウコウジ</t>
    </rPh>
    <rPh sb="29" eb="30">
      <t>ケン</t>
    </rPh>
    <rPh sb="30" eb="31">
      <t>タン</t>
    </rPh>
    <rPh sb="32" eb="34">
      <t>ガッペイ</t>
    </rPh>
    <phoneticPr fontId="8"/>
  </si>
  <si>
    <t>主要地方道藤沢座間厚木座架依橋（P3）耐震補強工事</t>
    <rPh sb="23" eb="25">
      <t>コウジ</t>
    </rPh>
    <phoneticPr fontId="8"/>
  </si>
  <si>
    <t>令和４年度　橋りょう補修工事　公共　県単　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7">
      <t>コウキョウ</t>
    </rPh>
    <rPh sb="18" eb="19">
      <t>ケン</t>
    </rPh>
    <rPh sb="19" eb="20">
      <t>タン</t>
    </rPh>
    <rPh sb="21" eb="23">
      <t>ガッペイ</t>
    </rPh>
    <phoneticPr fontId="8"/>
  </si>
  <si>
    <t>令和４年度　交通安全施設補修工事　県単（その39）</t>
    <rPh sb="0" eb="2">
      <t>レイワ</t>
    </rPh>
    <rPh sb="3" eb="5">
      <t>ネンド</t>
    </rPh>
    <rPh sb="6" eb="16">
      <t>コウツウアンゼンシセツホシュウコウジ</t>
    </rPh>
    <rPh sb="17" eb="18">
      <t>ケン</t>
    </rPh>
    <rPh sb="18" eb="19">
      <t>タン</t>
    </rPh>
    <phoneticPr fontId="8"/>
  </si>
  <si>
    <t>令和４年度　公園整備工事　県単（その３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phoneticPr fontId="8"/>
  </si>
  <si>
    <t>令和４年度　河川修繕工事　県単（その20）　河川改修工事　県単（その24）　合併</t>
    <rPh sb="0" eb="2">
      <t>レイワ</t>
    </rPh>
    <rPh sb="3" eb="5">
      <t>ネンド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カセン</t>
    </rPh>
    <rPh sb="24" eb="26">
      <t>カイシュウ</t>
    </rPh>
    <rPh sb="26" eb="28">
      <t>コウジ</t>
    </rPh>
    <rPh sb="29" eb="31">
      <t>ケンタン</t>
    </rPh>
    <rPh sb="38" eb="40">
      <t>ガッペイ</t>
    </rPh>
    <phoneticPr fontId="8"/>
  </si>
  <si>
    <t>令和３年度　水防情報基盤緊急整備工事　公共（その１）　令和４年度　水防情報基盤緊急整備工事　県単（その２）合併</t>
    <rPh sb="0" eb="2">
      <t>レイワ</t>
    </rPh>
    <rPh sb="3" eb="5">
      <t>ネンド</t>
    </rPh>
    <rPh sb="6" eb="18">
      <t>スイボウジョウホウキバンキンキュウセイビコウジ</t>
    </rPh>
    <rPh sb="19" eb="21">
      <t>コウキョウ</t>
    </rPh>
    <rPh sb="27" eb="29">
      <t>レイワ</t>
    </rPh>
    <rPh sb="30" eb="32">
      <t>ネンド</t>
    </rPh>
    <rPh sb="33" eb="45">
      <t>スイボウジョウホウキバンキンキュウセイビコウジ</t>
    </rPh>
    <rPh sb="46" eb="47">
      <t>ケン</t>
    </rPh>
    <rPh sb="47" eb="48">
      <t>タン</t>
    </rPh>
    <rPh sb="53" eb="55">
      <t>ガッペイ</t>
    </rPh>
    <phoneticPr fontId="8"/>
  </si>
  <si>
    <t>令和３年度　水防情報基盤緊急整備工事　県単（その８）　令和４年度　水防情報基盤緊急整備工事　公共（その２）　県単（その５）　合併</t>
    <rPh sb="0" eb="2">
      <t>レイワ</t>
    </rPh>
    <rPh sb="3" eb="5">
      <t>ネンド</t>
    </rPh>
    <rPh sb="6" eb="8">
      <t>スイボウ</t>
    </rPh>
    <rPh sb="8" eb="18">
      <t>ジョウホウキバンキンキュウセイビコウジ</t>
    </rPh>
    <rPh sb="19" eb="20">
      <t>ケン</t>
    </rPh>
    <rPh sb="20" eb="21">
      <t>タン</t>
    </rPh>
    <rPh sb="27" eb="29">
      <t>レイワ</t>
    </rPh>
    <rPh sb="30" eb="32">
      <t>ネンド</t>
    </rPh>
    <rPh sb="33" eb="45">
      <t>スイボウジョウホウキバンキンキュウセイビコウジ</t>
    </rPh>
    <rPh sb="46" eb="48">
      <t>コウキョウ</t>
    </rPh>
    <rPh sb="54" eb="55">
      <t>ケン</t>
    </rPh>
    <rPh sb="55" eb="56">
      <t>タン</t>
    </rPh>
    <rPh sb="62" eb="64">
      <t>ガッペイ</t>
    </rPh>
    <phoneticPr fontId="8"/>
  </si>
  <si>
    <t>令和４年度　河川維持改修工事　県単（その１）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6">
      <t>ケン</t>
    </rPh>
    <rPh sb="16" eb="17">
      <t>タン</t>
    </rPh>
    <phoneticPr fontId="8"/>
  </si>
  <si>
    <t>令和３年度　水防情報基盤緊急整備工事　県単（その５）</t>
    <rPh sb="6" eb="8">
      <t>スイボウ</t>
    </rPh>
    <rPh sb="8" eb="10">
      <t>ジョウホウ</t>
    </rPh>
    <rPh sb="10" eb="12">
      <t>キバン</t>
    </rPh>
    <rPh sb="12" eb="16">
      <t>キンキュウセイビ</t>
    </rPh>
    <phoneticPr fontId="8"/>
  </si>
  <si>
    <t>令和３年度　砂防施設改良工事　県単（その10）</t>
  </si>
  <si>
    <t>令和２年度　急傾斜地崩壊対策工事　公共（その１）</t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8"/>
  </si>
  <si>
    <t>令和３年度 公園整備工事（ゼロ県債）</t>
    <rPh sb="0" eb="1">
      <t>レイ</t>
    </rPh>
    <rPh sb="1" eb="2">
      <t>ワ</t>
    </rPh>
    <rPh sb="3" eb="5">
      <t>ネンド</t>
    </rPh>
    <rPh sb="6" eb="8">
      <t>コウエン</t>
    </rPh>
    <rPh sb="8" eb="12">
      <t>セイビコウジ</t>
    </rPh>
    <rPh sb="15" eb="17">
      <t>ケンサイ</t>
    </rPh>
    <phoneticPr fontId="8"/>
  </si>
  <si>
    <t>令和３年度 防災砂防工事 県単（その12）</t>
  </si>
  <si>
    <t>二級河川境川護岸工事（その２）</t>
    <rPh sb="0" eb="2">
      <t>ニキュウ</t>
    </rPh>
    <rPh sb="2" eb="4">
      <t>カセン</t>
    </rPh>
    <rPh sb="4" eb="6">
      <t>サカイガワ</t>
    </rPh>
    <rPh sb="6" eb="8">
      <t>ゴガン</t>
    </rPh>
    <rPh sb="8" eb="10">
      <t>コウジ</t>
    </rPh>
    <phoneticPr fontId="8"/>
  </si>
  <si>
    <t>二級河川境川護岸工事（その１）</t>
    <rPh sb="0" eb="2">
      <t>ニキュウ</t>
    </rPh>
    <rPh sb="2" eb="4">
      <t>カセン</t>
    </rPh>
    <rPh sb="4" eb="6">
      <t>サカイガワ</t>
    </rPh>
    <rPh sb="6" eb="8">
      <t>ゴガン</t>
    </rPh>
    <rPh sb="8" eb="10">
      <t>コウジ</t>
    </rPh>
    <phoneticPr fontId="8"/>
  </si>
  <si>
    <t>令和３年度　河川修繕工事　県単（その127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8"/>
  </si>
  <si>
    <t>令和３年度　河川修繕工事　ゼロ県債（その６）</t>
    <rPh sb="0" eb="2">
      <t>レイワ</t>
    </rPh>
    <rPh sb="3" eb="5">
      <t>ネンド</t>
    </rPh>
    <rPh sb="6" eb="12">
      <t>カセンシュウゼンコウジ</t>
    </rPh>
    <rPh sb="15" eb="17">
      <t>ケンサイ</t>
    </rPh>
    <phoneticPr fontId="8"/>
  </si>
  <si>
    <t>令和３年度 河川修繕工事 県単（その120）令和３年度 河川維持改修工事 県単（その６）合併</t>
    <rPh sb="0" eb="2">
      <t>レイワ</t>
    </rPh>
    <rPh sb="3" eb="5">
      <t>ネンド</t>
    </rPh>
    <rPh sb="6" eb="12">
      <t>カセンシュウゼン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6">
      <t>カセンイジカイシュウコウジ</t>
    </rPh>
    <rPh sb="37" eb="38">
      <t>ケン</t>
    </rPh>
    <rPh sb="38" eb="39">
      <t>タン</t>
    </rPh>
    <rPh sb="44" eb="46">
      <t>ガッペイ</t>
    </rPh>
    <phoneticPr fontId="8"/>
  </si>
  <si>
    <t>令和３年度　都市公園整備工事　公共（その７）
令和４年度　都市公園整備工事　公共（その１）
令和４年度　公園整備工事　県単（その２）合併</t>
  </si>
  <si>
    <t>令和４年度　都市公園整備工事　公共（その２）
令和４年度　公園整備工事　県単（その３）合併</t>
  </si>
  <si>
    <t>令和３年度　河川修繕工事　県単（その131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8"/>
  </si>
  <si>
    <t>令和３年度　河川修繕工事　県単（その128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8"/>
  </si>
  <si>
    <t>令和３年度　河川修繕工事　県単（その137）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ケンタン</t>
    </rPh>
    <phoneticPr fontId="8"/>
  </si>
  <si>
    <t>令和３年度　河川改修工事（前金付県債）（その３）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8"/>
  </si>
  <si>
    <t>令和４年度 都市公園整備工事 公共(その４)令和４年度 公園整備工事 県単(その９)合併</t>
  </si>
  <si>
    <t>令和４年度　公園整備工事　県単（その17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5">
      <t>ケンタン</t>
    </rPh>
    <phoneticPr fontId="11"/>
  </si>
  <si>
    <t>令和４年度 都市公園整備工事 公共(その５)令和４年度 公園整備工事 県単(その10)合併</t>
  </si>
  <si>
    <t>令和４年度 公園整備工事 県単（その16）</t>
    <rPh sb="0" eb="1">
      <t>レイ</t>
    </rPh>
    <rPh sb="1" eb="2">
      <t>ワ</t>
    </rPh>
    <rPh sb="3" eb="5">
      <t>ネンド</t>
    </rPh>
    <rPh sb="6" eb="8">
      <t>コウエン</t>
    </rPh>
    <rPh sb="8" eb="12">
      <t>セイビコウジ</t>
    </rPh>
    <rPh sb="13" eb="15">
      <t>ケンタン</t>
    </rPh>
    <phoneticPr fontId="8"/>
  </si>
  <si>
    <t>令和３年度 河川改修工事 ゼロ県債（その１）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5" eb="17">
      <t>ケンサイ</t>
    </rPh>
    <phoneticPr fontId="8"/>
  </si>
  <si>
    <t>令和４年度 河川改修工事 公共（その１）県単（その９）令和４年度 河川修繕工事 県単（その31）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1">
      <t>ケン</t>
    </rPh>
    <rPh sb="21" eb="22">
      <t>タン</t>
    </rPh>
    <rPh sb="27" eb="29">
      <t>レイワ</t>
    </rPh>
    <rPh sb="30" eb="31">
      <t>ネン</t>
    </rPh>
    <rPh sb="31" eb="32">
      <t>ド</t>
    </rPh>
    <rPh sb="33" eb="35">
      <t>カセン</t>
    </rPh>
    <rPh sb="35" eb="37">
      <t>シュウゼン</t>
    </rPh>
    <rPh sb="37" eb="39">
      <t>コウジ</t>
    </rPh>
    <rPh sb="40" eb="41">
      <t>ケン</t>
    </rPh>
    <rPh sb="41" eb="42">
      <t>タン</t>
    </rPh>
    <rPh sb="48" eb="50">
      <t>ガッペイ</t>
    </rPh>
    <phoneticPr fontId="8"/>
  </si>
  <si>
    <t>令和３年度 通常砂防工事 公共（その１）</t>
  </si>
  <si>
    <t>令和３年度 橋りょう補修工事（公共）その３  令和３年度  橋りょう補修工事（県単）その12 合併</t>
    <rPh sb="6" eb="7">
      <t>キョウ</t>
    </rPh>
    <rPh sb="15" eb="17">
      <t>コウキョウ</t>
    </rPh>
    <rPh sb="30" eb="31">
      <t>キョウ</t>
    </rPh>
    <phoneticPr fontId="10"/>
  </si>
  <si>
    <t>令和３年度　交通安全施設補修工事（ゼロ県債）（その３）</t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0"/>
  </si>
  <si>
    <t>令和３年度　河川維持改修工事（県単）その１</t>
  </si>
  <si>
    <t>令和３年度　防災砂防工事（ゼロ県債）(その１)</t>
  </si>
  <si>
    <t>令和３年度　道路改良工事（公共）その１（県単）その３２</t>
  </si>
  <si>
    <t>令和３年度　道路補修工事（ゼロ県債）（その３）</t>
  </si>
  <si>
    <t>令和３年度　道路補修工事（ゼロ県債）（その４）</t>
  </si>
  <si>
    <t>令和３年度　道路補修工事（ゼロ県債）（その５）</t>
  </si>
  <si>
    <t>令和３年度　道路補修工事（ゼロ県債）（その１）</t>
  </si>
  <si>
    <t>令和３年度　交通安全施設補修工事（ゼロ県債）（その２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10"/>
  </si>
  <si>
    <t>令和３年度　河川修繕工事（川づくり）（県単）その４</t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カワ</t>
    </rPh>
    <rPh sb="19" eb="20">
      <t>ケン</t>
    </rPh>
    <rPh sb="20" eb="21">
      <t>タン</t>
    </rPh>
    <phoneticPr fontId="10"/>
  </si>
  <si>
    <t>令和３年度　急傾斜地崩壊対策工事（県単）その２　令和３年度　砂防施設改良工事（県単）その11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rPh sb="24" eb="26">
      <t>レイワ</t>
    </rPh>
    <rPh sb="27" eb="29">
      <t>ネンド</t>
    </rPh>
    <rPh sb="30" eb="32">
      <t>サボウ</t>
    </rPh>
    <rPh sb="32" eb="34">
      <t>シセツ</t>
    </rPh>
    <rPh sb="34" eb="36">
      <t>カイリョウ</t>
    </rPh>
    <rPh sb="36" eb="38">
      <t>コウジ</t>
    </rPh>
    <rPh sb="39" eb="41">
      <t>ケンタン</t>
    </rPh>
    <rPh sb="46" eb="48">
      <t>ガッペイ</t>
    </rPh>
    <phoneticPr fontId="10"/>
  </si>
  <si>
    <t>令和３年度　橋りょう補修工事（ゼロ県債）（その１）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7" eb="19">
      <t>ケンサイ</t>
    </rPh>
    <phoneticPr fontId="10"/>
  </si>
  <si>
    <t>令和４年度　災害復旧工事　公共（その１）令和３年度　砂防施設改良工事　県単（その14）防災砂防工事　県単（その11）合併</t>
    <rPh sb="6" eb="8">
      <t>サイガイ</t>
    </rPh>
    <rPh sb="8" eb="10">
      <t>フッキュ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サボウ</t>
    </rPh>
    <rPh sb="28" eb="30">
      <t>シセツ</t>
    </rPh>
    <rPh sb="30" eb="32">
      <t>カイリョウ</t>
    </rPh>
    <rPh sb="32" eb="34">
      <t>コウジ</t>
    </rPh>
    <rPh sb="35" eb="37">
      <t>ケンタン</t>
    </rPh>
    <rPh sb="43" eb="45">
      <t>ボウサイ</t>
    </rPh>
    <rPh sb="45" eb="47">
      <t>サボウ</t>
    </rPh>
    <rPh sb="47" eb="49">
      <t>コウジ</t>
    </rPh>
    <rPh sb="50" eb="52">
      <t>ケンタン</t>
    </rPh>
    <rPh sb="58" eb="60">
      <t>ガッペイ</t>
    </rPh>
    <phoneticPr fontId="10"/>
  </si>
  <si>
    <t>令和3年度　砂防施設改良工事(県単)その1</t>
    <rPh sb="0" eb="2">
      <t>レイワ</t>
    </rPh>
    <rPh sb="3" eb="5">
      <t>ネンド</t>
    </rPh>
    <rPh sb="6" eb="8">
      <t>サボウ</t>
    </rPh>
    <rPh sb="8" eb="10">
      <t>シセツ</t>
    </rPh>
    <rPh sb="10" eb="12">
      <t>カイリョウ</t>
    </rPh>
    <rPh sb="12" eb="14">
      <t>コウジ</t>
    </rPh>
    <rPh sb="15" eb="16">
      <t>ケン</t>
    </rPh>
    <rPh sb="16" eb="17">
      <t>タン</t>
    </rPh>
    <phoneticPr fontId="10"/>
  </si>
  <si>
    <t>令和３年度　道路補修工事（ゼロ県債）（その２）</t>
  </si>
  <si>
    <t>令和３年度　交通安全施設補修工事（ゼロ県債）（その１）</t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0">
      <t>ケン</t>
    </rPh>
    <rPh sb="20" eb="21">
      <t>サイ</t>
    </rPh>
    <phoneticPr fontId="10"/>
  </si>
  <si>
    <t>令和３年　災害復旧工事（査定第８号）公共（その１）令和３年度　災害復旧工事　県単（その１）令和４年度　砂防環境整備工事　県単（その１）合併</t>
    <rPh sb="3" eb="4">
      <t>ネン</t>
    </rPh>
    <rPh sb="5" eb="7">
      <t>サイガイ</t>
    </rPh>
    <rPh sb="7" eb="9">
      <t>フッキュウ</t>
    </rPh>
    <rPh sb="9" eb="11">
      <t>コウジ</t>
    </rPh>
    <rPh sb="12" eb="14">
      <t>サテイ</t>
    </rPh>
    <rPh sb="14" eb="15">
      <t>ダイ</t>
    </rPh>
    <rPh sb="16" eb="17">
      <t>ゴウ</t>
    </rPh>
    <rPh sb="18" eb="20">
      <t>コウキョウ</t>
    </rPh>
    <rPh sb="25" eb="27">
      <t>レイワ</t>
    </rPh>
    <rPh sb="28" eb="30">
      <t>ネンド</t>
    </rPh>
    <rPh sb="31" eb="37">
      <t>サイガイフッキュウコウジ</t>
    </rPh>
    <rPh sb="38" eb="40">
      <t>ケンタン</t>
    </rPh>
    <rPh sb="45" eb="47">
      <t>レイワ</t>
    </rPh>
    <rPh sb="48" eb="50">
      <t>ネンド</t>
    </rPh>
    <rPh sb="51" eb="59">
      <t>サボウカンキョウセイビコウジ</t>
    </rPh>
    <rPh sb="60" eb="62">
      <t>ケンタン</t>
    </rPh>
    <rPh sb="67" eb="69">
      <t>ガッペイ</t>
    </rPh>
    <phoneticPr fontId="10"/>
  </si>
  <si>
    <t>令和３年度　河川修繕工事（前金付県債）（その１）</t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5">
      <t>マエキン</t>
    </rPh>
    <rPh sb="15" eb="16">
      <t>ツ</t>
    </rPh>
    <rPh sb="16" eb="18">
      <t>ケンサイ</t>
    </rPh>
    <phoneticPr fontId="10"/>
  </si>
  <si>
    <t>令和２年度　水防情報基盤緊急整備工事（公共）その１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コウキョウ</t>
    </rPh>
    <phoneticPr fontId="10"/>
  </si>
  <si>
    <t>令和２年度　通常砂防工事（公共）その２　令和２年度　防災砂防工事（県単）その５合併</t>
  </si>
  <si>
    <t>令和３年度　道路補修工事　公共（その２）令和４年度　道路補修工事　県単（その５）合併</t>
    <rPh sb="8" eb="10">
      <t>ホシュウ</t>
    </rPh>
    <rPh sb="13" eb="15">
      <t>コウキョウ</t>
    </rPh>
    <rPh sb="28" eb="30">
      <t>ホシュウ</t>
    </rPh>
    <rPh sb="30" eb="32">
      <t>コウジ</t>
    </rPh>
    <rPh sb="40" eb="42">
      <t>ガッペイ</t>
    </rPh>
    <phoneticPr fontId="10"/>
  </si>
  <si>
    <t>令和３年度　道路補修工事　公共（その１）橋りょう補修工事　県単（その15）令和４年度　道路補修工事　県単（その４）合併</t>
    <rPh sb="8" eb="10">
      <t>ホシュウ</t>
    </rPh>
    <rPh sb="13" eb="15">
      <t>コウキョウ</t>
    </rPh>
    <rPh sb="29" eb="30">
      <t>ケン</t>
    </rPh>
    <rPh sb="30" eb="31">
      <t>タン</t>
    </rPh>
    <rPh sb="45" eb="47">
      <t>ホシュウ</t>
    </rPh>
    <rPh sb="47" eb="49">
      <t>コウジ</t>
    </rPh>
    <rPh sb="57" eb="59">
      <t>ガッペイ</t>
    </rPh>
    <phoneticPr fontId="10"/>
  </si>
  <si>
    <t>令和３年度　橋りょう補修工事(公共）その２　令和３年度　橋りょう補修工事(県単）その11　合併</t>
  </si>
  <si>
    <t>令和３年度　交通安全施設等整備工事　公共（その15）令和４年度　交通安全施設等整備工事　県単（その４）合併</t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39">
      <t>トウ</t>
    </rPh>
    <rPh sb="39" eb="41">
      <t>セイビ</t>
    </rPh>
    <rPh sb="41" eb="43">
      <t>コウジ</t>
    </rPh>
    <rPh sb="44" eb="45">
      <t>ケン</t>
    </rPh>
    <rPh sb="45" eb="46">
      <t>タン</t>
    </rPh>
    <rPh sb="51" eb="53">
      <t>ガッペイ</t>
    </rPh>
    <phoneticPr fontId="10"/>
  </si>
  <si>
    <t>令和３年度　河川修繕工事　県単（その87）令和４年度　河川修繕工事　県単（その118）合併</t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33">
      <t>カセンシュウゼンコウジ</t>
    </rPh>
    <rPh sb="34" eb="36">
      <t>ケンタン</t>
    </rPh>
    <rPh sb="43" eb="45">
      <t>ガッペイ</t>
    </rPh>
    <phoneticPr fontId="10"/>
  </si>
  <si>
    <t>主要地方道秦野二宮　桜ヶ谷陸橋(P4)耐震補強工事</t>
  </si>
  <si>
    <t>令和２年度　交通安全施設等整備工事（ゼロ県債）その１</t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20" eb="22">
      <t>ケンサイ</t>
    </rPh>
    <phoneticPr fontId="10"/>
  </si>
  <si>
    <t>令和２年度　道路改良工事（公共）その２（県単）その８９　合併</t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コウキョウ</t>
    </rPh>
    <rPh sb="20" eb="21">
      <t>ケン</t>
    </rPh>
    <rPh sb="21" eb="22">
      <t>タン</t>
    </rPh>
    <rPh sb="28" eb="30">
      <t>ガッペイ</t>
    </rPh>
    <phoneticPr fontId="10"/>
  </si>
  <si>
    <t>令和３年度　街路整備工事　県単（その１８）令和４年度　街路整備工事　公共（その９）合併</t>
    <rPh sb="6" eb="8">
      <t>ガイロ</t>
    </rPh>
    <rPh sb="8" eb="10">
      <t>セイビ</t>
    </rPh>
    <rPh sb="10" eb="12">
      <t>コウジ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6">
      <t>コウキョウ</t>
    </rPh>
    <rPh sb="41" eb="43">
      <t>ガッペイ</t>
    </rPh>
    <phoneticPr fontId="10"/>
  </si>
  <si>
    <t>令和３年度　河川改修工事　公共（その１）令和４年度　河川改修工事　公共（その１）令和３年度　河川改修工事　県単（その９）合併</t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カセン</t>
    </rPh>
    <rPh sb="28" eb="30">
      <t>カイシュウ</t>
    </rPh>
    <rPh sb="30" eb="32">
      <t>コウジ</t>
    </rPh>
    <rPh sb="33" eb="35">
      <t>コウキョウ</t>
    </rPh>
    <rPh sb="40" eb="42">
      <t>レイワ</t>
    </rPh>
    <rPh sb="43" eb="45">
      <t>ネンド</t>
    </rPh>
    <rPh sb="46" eb="48">
      <t>カセン</t>
    </rPh>
    <rPh sb="48" eb="50">
      <t>カイシュウ</t>
    </rPh>
    <rPh sb="50" eb="52">
      <t>コウジ</t>
    </rPh>
    <rPh sb="53" eb="54">
      <t>ケン</t>
    </rPh>
    <rPh sb="54" eb="55">
      <t>タン</t>
    </rPh>
    <rPh sb="60" eb="62">
      <t>ガッペイ</t>
    </rPh>
    <phoneticPr fontId="10"/>
  </si>
  <si>
    <t>令和４年度　急傾斜地崩壊対策工事　県単（その１）</t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phoneticPr fontId="10"/>
  </si>
  <si>
    <t>令和４年度　道路災害防除工事　県単（その３）</t>
    <rPh sb="15" eb="16">
      <t>ケン</t>
    </rPh>
    <rPh sb="16" eb="17">
      <t>タン</t>
    </rPh>
    <phoneticPr fontId="10"/>
  </si>
  <si>
    <t>令和３年度　交通安全施設等整備工事　公共（その20）令和４年度　交通安全施設補修工事　県単（その10）合併</t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40">
      <t>ホシュウ</t>
    </rPh>
    <rPh sb="40" eb="42">
      <t>コウジ</t>
    </rPh>
    <rPh sb="43" eb="44">
      <t>ケン</t>
    </rPh>
    <rPh sb="44" eb="45">
      <t>タン</t>
    </rPh>
    <rPh sb="51" eb="53">
      <t>ガッペイ</t>
    </rPh>
    <phoneticPr fontId="10"/>
  </si>
  <si>
    <t>令和３年度　河川改修工事　公共（その２）令和４年度　河川改修工事　公共（その２）令和３年度　河川改修工事　県単（その10）合併</t>
    <rPh sb="40" eb="42">
      <t>レイワ</t>
    </rPh>
    <rPh sb="43" eb="45">
      <t>ネンド</t>
    </rPh>
    <rPh sb="46" eb="48">
      <t>カセン</t>
    </rPh>
    <rPh sb="48" eb="50">
      <t>カイシュウ</t>
    </rPh>
    <rPh sb="50" eb="52">
      <t>コウジ</t>
    </rPh>
    <rPh sb="53" eb="54">
      <t>ケン</t>
    </rPh>
    <rPh sb="54" eb="55">
      <t>タン</t>
    </rPh>
    <phoneticPr fontId="10"/>
  </si>
  <si>
    <t>令和４年度　道路災害防除工事　公共（その１）県単（その４）合併</t>
  </si>
  <si>
    <t>令和３年度　交通安全施設等整備工事　公共　（その21）令和４年度　交通安全施設補修工事　県単　（その11）　合併</t>
  </si>
  <si>
    <t>令和３年度　河川維持改修工事　県単（その６）</t>
  </si>
  <si>
    <t>令和３年度　河川修繕工事　県単（その197）令和４年度　河川修繕工事　県単（その56）合併</t>
  </si>
  <si>
    <t>令和３年度　急傾斜地崩壊対策工事　県単（その１）令和４年度　急傾斜地崩壊対策工事　県単（その１）合併</t>
    <rPh sb="0" eb="2">
      <t>レイワ</t>
    </rPh>
    <rPh sb="3" eb="5">
      <t>ネンド</t>
    </rPh>
    <rPh sb="6" eb="16">
      <t>キュウケイシャチホウカイタイサクコウジ</t>
    </rPh>
    <rPh sb="17" eb="19">
      <t>ケンタン</t>
    </rPh>
    <rPh sb="24" eb="26">
      <t>レイワ</t>
    </rPh>
    <rPh sb="27" eb="29">
      <t>ネンド</t>
    </rPh>
    <rPh sb="30" eb="40">
      <t>キュウケイシャチホウカイタイサクコウジ</t>
    </rPh>
    <rPh sb="41" eb="43">
      <t>ケンタン</t>
    </rPh>
    <rPh sb="48" eb="50">
      <t>ガッペイ</t>
    </rPh>
    <phoneticPr fontId="10"/>
  </si>
  <si>
    <t>令和３年度　砂防環境整備工事　県単（その１） 砂防施設改良工事　県単（その１）令和４年度　砂防環境整備工事　県単（その１）合併</t>
    <rPh sb="61" eb="63">
      <t>ガッペイ</t>
    </rPh>
    <phoneticPr fontId="10"/>
  </si>
  <si>
    <t>令和４年度　河川修繕工事　県単（その55）砂防環境整備工事　県単（その２）防災砂防工事　県単（その１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1" eb="23">
      <t>サボウ</t>
    </rPh>
    <rPh sb="23" eb="25">
      <t>カンキョウ</t>
    </rPh>
    <rPh sb="25" eb="27">
      <t>セイビ</t>
    </rPh>
    <rPh sb="27" eb="29">
      <t>コウジ</t>
    </rPh>
    <rPh sb="30" eb="31">
      <t>ケン</t>
    </rPh>
    <rPh sb="31" eb="32">
      <t>タン</t>
    </rPh>
    <rPh sb="37" eb="39">
      <t>ボウサイ</t>
    </rPh>
    <rPh sb="39" eb="41">
      <t>サボウ</t>
    </rPh>
    <rPh sb="41" eb="43">
      <t>コウジ</t>
    </rPh>
    <rPh sb="44" eb="45">
      <t>ケン</t>
    </rPh>
    <rPh sb="45" eb="46">
      <t>タン</t>
    </rPh>
    <rPh sb="51" eb="53">
      <t>ガッペイ</t>
    </rPh>
    <phoneticPr fontId="10"/>
  </si>
  <si>
    <t>令和３年度　道路災害防除工事　公共（その７）　令和４年度　道路災害防除工事　県単（その６）合併</t>
    <rPh sb="0" eb="2">
      <t>レイワ</t>
    </rPh>
    <rPh sb="3" eb="5">
      <t>ネンド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ドウロ</t>
    </rPh>
    <rPh sb="31" eb="33">
      <t>サイガイ</t>
    </rPh>
    <rPh sb="33" eb="35">
      <t>ボウジョ</t>
    </rPh>
    <rPh sb="35" eb="37">
      <t>コウジ</t>
    </rPh>
    <rPh sb="38" eb="39">
      <t>ケン</t>
    </rPh>
    <rPh sb="39" eb="40">
      <t>タン</t>
    </rPh>
    <rPh sb="45" eb="47">
      <t>ガッペイ</t>
    </rPh>
    <phoneticPr fontId="10"/>
  </si>
  <si>
    <t>令和４年度　道路災害防除工事　県単（その５）</t>
  </si>
  <si>
    <t>令和３年度　道路補修工事　県単（その11）　令和４年度　道路補修工事　県単（その７）合併</t>
    <rPh sb="0" eb="2">
      <t>レイワ</t>
    </rPh>
    <rPh sb="3" eb="5">
      <t>ネンド</t>
    </rPh>
    <rPh sb="4" eb="5">
      <t>ド</t>
    </rPh>
    <rPh sb="6" eb="8">
      <t>ドウロ</t>
    </rPh>
    <rPh sb="8" eb="10">
      <t>ホシュウ</t>
    </rPh>
    <rPh sb="10" eb="12">
      <t>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0">
      <t>ドウロ</t>
    </rPh>
    <rPh sb="30" eb="32">
      <t>ホシュウ</t>
    </rPh>
    <rPh sb="32" eb="34">
      <t>コウジ</t>
    </rPh>
    <rPh sb="35" eb="36">
      <t>ケン</t>
    </rPh>
    <rPh sb="36" eb="37">
      <t>タン</t>
    </rPh>
    <rPh sb="42" eb="44">
      <t>ガッペイ</t>
    </rPh>
    <phoneticPr fontId="10"/>
  </si>
  <si>
    <t>令和４年度　道路補修工事　県単（その８）　道路災害防除工事　県単（その13）　合併</t>
  </si>
  <si>
    <t>令和４年度　街路樹整備工事　県単（その１）</t>
    <rPh sb="0" eb="2">
      <t>レイワ</t>
    </rPh>
    <rPh sb="3" eb="5">
      <t>ネンド</t>
    </rPh>
    <rPh sb="6" eb="9">
      <t>ガイロジュ</t>
    </rPh>
    <rPh sb="9" eb="11">
      <t>セイビ</t>
    </rPh>
    <rPh sb="11" eb="13">
      <t>コウジ</t>
    </rPh>
    <rPh sb="14" eb="15">
      <t>ケン</t>
    </rPh>
    <rPh sb="15" eb="16">
      <t>タン</t>
    </rPh>
    <phoneticPr fontId="10"/>
  </si>
  <si>
    <t>令和３年度　道路災害防除工事　公共（その５）令和４年度　道路災害防除工事　県単（その２）合併</t>
    <rPh sb="15" eb="17">
      <t>コウキョウ</t>
    </rPh>
    <rPh sb="44" eb="46">
      <t>ガッペイ</t>
    </rPh>
    <phoneticPr fontId="10"/>
  </si>
  <si>
    <t>令和４年度　道路補修工事　県単（その９）　道路災害防除工事　県単（その14）　合併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3" eb="15">
      <t>ケンタン</t>
    </rPh>
    <rPh sb="21" eb="29">
      <t>ドウロサイガイボウジョコウジ</t>
    </rPh>
    <rPh sb="30" eb="32">
      <t>ケンタン</t>
    </rPh>
    <rPh sb="39" eb="41">
      <t>ガッペイ</t>
    </rPh>
    <phoneticPr fontId="10"/>
  </si>
  <si>
    <t>令和４年度　街路樹整備工事　県単（その２）　道路補修工事　県単（その11）　合併</t>
    <rPh sb="6" eb="9">
      <t>ガイロジュ</t>
    </rPh>
    <rPh sb="9" eb="11">
      <t>セイビ</t>
    </rPh>
    <rPh sb="11" eb="13">
      <t>コウジ</t>
    </rPh>
    <rPh sb="22" eb="24">
      <t>ドウロ</t>
    </rPh>
    <rPh sb="24" eb="26">
      <t>ホシュウ</t>
    </rPh>
    <rPh sb="26" eb="28">
      <t>コウジ</t>
    </rPh>
    <phoneticPr fontId="10"/>
  </si>
  <si>
    <t>令和４年度　交通安全施設等整備工事　県単（その17）令和４年度　道路補修工事　県単（その10）合併</t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6" eb="28">
      <t>レイワ</t>
    </rPh>
    <rPh sb="29" eb="31">
      <t>ネンド</t>
    </rPh>
    <rPh sb="32" eb="34">
      <t>ドウロ</t>
    </rPh>
    <rPh sb="34" eb="36">
      <t>ホシュウ</t>
    </rPh>
    <rPh sb="36" eb="38">
      <t>コウジ</t>
    </rPh>
    <rPh sb="39" eb="40">
      <t>ケン</t>
    </rPh>
    <rPh sb="40" eb="41">
      <t>タン</t>
    </rPh>
    <rPh sb="47" eb="49">
      <t>ガッペイ</t>
    </rPh>
    <phoneticPr fontId="10"/>
  </si>
  <si>
    <t>令和３年度　交通安全施設等整備工事　公共（その19）令和４年度　交通安全施設補修工事　県単（その９）合併</t>
  </si>
  <si>
    <t>令和３年度　道路改良工事　県単（その63）令和４年度　道路改良工事　公共（その１）県単（その６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5">
      <t>ケンタン</t>
    </rPh>
    <rPh sb="34" eb="36">
      <t>コウキョウ</t>
    </rPh>
    <rPh sb="48" eb="50">
      <t>ガッペイ</t>
    </rPh>
    <phoneticPr fontId="10"/>
  </si>
  <si>
    <t>令和３年度　街路整備工事　県単（その42）令和４年度　街路整備工事　県単（その10）合併</t>
    <rPh sb="6" eb="8">
      <t>ガイロ</t>
    </rPh>
    <rPh sb="8" eb="10">
      <t>セイビ</t>
    </rPh>
    <rPh sb="10" eb="12">
      <t>コウジ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5">
      <t>ケン</t>
    </rPh>
    <rPh sb="35" eb="36">
      <t>タン</t>
    </rPh>
    <rPh sb="42" eb="44">
      <t>ガッペイ</t>
    </rPh>
    <phoneticPr fontId="10"/>
  </si>
  <si>
    <t>令和４年度　河川改修工事　公共（その４）令和３年度　河川修繕工事　県単（その５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カセン</t>
    </rPh>
    <rPh sb="28" eb="30">
      <t>シュウゼン</t>
    </rPh>
    <rPh sb="30" eb="32">
      <t>コウジ</t>
    </rPh>
    <rPh sb="33" eb="34">
      <t>ケン</t>
    </rPh>
    <rPh sb="34" eb="35">
      <t>タン</t>
    </rPh>
    <rPh sb="40" eb="42">
      <t>ガッペイ</t>
    </rPh>
    <phoneticPr fontId="10"/>
  </si>
  <si>
    <t>令和４年度　河川改修工事　公共（その３）河川修繕工事　県単（その165）合併</t>
    <rPh sb="8" eb="10">
      <t>カイシュウ</t>
    </rPh>
    <rPh sb="13" eb="15">
      <t>コウキョウ</t>
    </rPh>
    <rPh sb="20" eb="22">
      <t>カセン</t>
    </rPh>
    <rPh sb="22" eb="24">
      <t>シュウゼン</t>
    </rPh>
    <rPh sb="24" eb="26">
      <t>コウジ</t>
    </rPh>
    <rPh sb="27" eb="29">
      <t>ケンタン</t>
    </rPh>
    <rPh sb="36" eb="38">
      <t>ガッペイ</t>
    </rPh>
    <phoneticPr fontId="10"/>
  </si>
  <si>
    <t>令和３年　災害復旧工事（査定第９号）公共（その２）令和３年　災害復旧工事（査定第６号）公共（その２）令和３年度　災害復旧工事 県単（その５）令和４年度　道路災害防除工事 県単（その１）合併</t>
    <rPh sb="0" eb="2">
      <t>レイワ</t>
    </rPh>
    <rPh sb="3" eb="4">
      <t>ネン</t>
    </rPh>
    <rPh sb="5" eb="7">
      <t>サイガイ</t>
    </rPh>
    <rPh sb="7" eb="9">
      <t>フッキュウ</t>
    </rPh>
    <rPh sb="9" eb="11">
      <t>コウジ</t>
    </rPh>
    <rPh sb="12" eb="14">
      <t>サテイ</t>
    </rPh>
    <rPh sb="14" eb="15">
      <t>ダイ</t>
    </rPh>
    <rPh sb="16" eb="17">
      <t>ゴウ</t>
    </rPh>
    <rPh sb="18" eb="20">
      <t>コウキョウ</t>
    </rPh>
    <rPh sb="25" eb="27">
      <t>レイワ</t>
    </rPh>
    <rPh sb="28" eb="29">
      <t>ネン</t>
    </rPh>
    <rPh sb="30" eb="32">
      <t>サイガイ</t>
    </rPh>
    <rPh sb="32" eb="34">
      <t>フッキュウ</t>
    </rPh>
    <rPh sb="34" eb="36">
      <t>コウジ</t>
    </rPh>
    <rPh sb="37" eb="39">
      <t>サテイ</t>
    </rPh>
    <rPh sb="39" eb="40">
      <t>ダイ</t>
    </rPh>
    <rPh sb="41" eb="42">
      <t>ゴウ</t>
    </rPh>
    <rPh sb="43" eb="45">
      <t>コウキョウ</t>
    </rPh>
    <rPh sb="50" eb="52">
      <t>レイワ</t>
    </rPh>
    <rPh sb="53" eb="54">
      <t>ネン</t>
    </rPh>
    <rPh sb="54" eb="55">
      <t>ド</t>
    </rPh>
    <rPh sb="56" eb="58">
      <t>サイガイ</t>
    </rPh>
    <rPh sb="58" eb="60">
      <t>フッキュウ</t>
    </rPh>
    <rPh sb="60" eb="62">
      <t>コウジ</t>
    </rPh>
    <rPh sb="63" eb="64">
      <t>ケン</t>
    </rPh>
    <rPh sb="64" eb="65">
      <t>タン</t>
    </rPh>
    <rPh sb="70" eb="72">
      <t>レイワ</t>
    </rPh>
    <rPh sb="73" eb="74">
      <t>ネン</t>
    </rPh>
    <rPh sb="74" eb="75">
      <t>ド</t>
    </rPh>
    <rPh sb="76" eb="78">
      <t>ドウロ</t>
    </rPh>
    <rPh sb="78" eb="80">
      <t>サイガイ</t>
    </rPh>
    <rPh sb="80" eb="82">
      <t>ボウジョ</t>
    </rPh>
    <rPh sb="82" eb="84">
      <t>コウジ</t>
    </rPh>
    <rPh sb="85" eb="86">
      <t>ケン</t>
    </rPh>
    <rPh sb="86" eb="87">
      <t>タン</t>
    </rPh>
    <rPh sb="92" eb="94">
      <t>ガッペイ</t>
    </rPh>
    <phoneticPr fontId="10"/>
  </si>
  <si>
    <t>令和４年度　水防情報基盤緊急整備工事（公共）その１　河川修繕工事　県単（その174）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コウキョウ</t>
    </rPh>
    <rPh sb="26" eb="28">
      <t>カセン</t>
    </rPh>
    <rPh sb="28" eb="30">
      <t>シュウゼン</t>
    </rPh>
    <rPh sb="30" eb="32">
      <t>コウジ</t>
    </rPh>
    <rPh sb="33" eb="35">
      <t>ケンタン</t>
    </rPh>
    <rPh sb="42" eb="44">
      <t>ガッペイ</t>
    </rPh>
    <phoneticPr fontId="10"/>
  </si>
  <si>
    <t>令和３年度　水防情報基盤緊急整備工事（県単）その２　令和４年度　河川修繕工事　県単（その173）合併</t>
    <rPh sb="0" eb="2">
      <t>レイワ</t>
    </rPh>
    <rPh sb="3" eb="4">
      <t>ネン</t>
    </rPh>
    <rPh sb="4" eb="5">
      <t>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0">
      <t>ケン</t>
    </rPh>
    <rPh sb="20" eb="21">
      <t>タン</t>
    </rPh>
    <rPh sb="26" eb="28">
      <t>レイワ</t>
    </rPh>
    <rPh sb="29" eb="31">
      <t>ネンド</t>
    </rPh>
    <rPh sb="32" eb="34">
      <t>カセン</t>
    </rPh>
    <rPh sb="34" eb="36">
      <t>シュウゼン</t>
    </rPh>
    <rPh sb="36" eb="38">
      <t>コウジ</t>
    </rPh>
    <rPh sb="39" eb="41">
      <t>ケンタン</t>
    </rPh>
    <rPh sb="48" eb="50">
      <t>ガッペイ</t>
    </rPh>
    <phoneticPr fontId="10"/>
  </si>
  <si>
    <t>令和３年度　河川修繕工事（県単）その86</t>
    <rPh sb="0" eb="2">
      <t>レイワ</t>
    </rPh>
    <rPh sb="3" eb="4">
      <t>ネン</t>
    </rPh>
    <rPh sb="4" eb="5">
      <t>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10"/>
  </si>
  <si>
    <t>令和４年度　急傾斜地崩壊対策工事　県単（その１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10"/>
  </si>
  <si>
    <t>令和３年度　通常砂防工事（公共）その１　令和３年度　防災砂防工事（県単）その１合併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2">
      <t>レイワ</t>
    </rPh>
    <rPh sb="23" eb="25">
      <t>ネンド</t>
    </rPh>
    <rPh sb="26" eb="28">
      <t>ボウサイ</t>
    </rPh>
    <rPh sb="28" eb="30">
      <t>サボウ</t>
    </rPh>
    <rPh sb="30" eb="32">
      <t>コウジ</t>
    </rPh>
    <rPh sb="33" eb="35">
      <t>ケンタン</t>
    </rPh>
    <rPh sb="39" eb="41">
      <t>ガッペイ</t>
    </rPh>
    <phoneticPr fontId="10"/>
  </si>
  <si>
    <t>令和４年度　急傾斜地崩壊対策工事　県単（その３）</t>
    <rPh sb="0" eb="2">
      <t>レイワ</t>
    </rPh>
    <rPh sb="3" eb="5">
      <t>ネンド</t>
    </rPh>
    <rPh sb="6" eb="16">
      <t>キュウケイシャチホウカイタイサクコウジ</t>
    </rPh>
    <rPh sb="17" eb="18">
      <t>ケン</t>
    </rPh>
    <rPh sb="18" eb="19">
      <t>タン</t>
    </rPh>
    <phoneticPr fontId="10"/>
  </si>
  <si>
    <t>令和３年度道路災害防除工事　県単（その７）</t>
    <rPh sb="14" eb="16">
      <t>ケンタン</t>
    </rPh>
    <phoneticPr fontId="9"/>
  </si>
  <si>
    <t>都市計画道路城山多古線他穴部排水路改築工事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rPh sb="11" eb="12">
      <t>ホカ</t>
    </rPh>
    <rPh sb="12" eb="14">
      <t>アナベ</t>
    </rPh>
    <rPh sb="14" eb="17">
      <t>ハイスイロ</t>
    </rPh>
    <rPh sb="17" eb="19">
      <t>カイチク</t>
    </rPh>
    <rPh sb="19" eb="21">
      <t>コウジ</t>
    </rPh>
    <phoneticPr fontId="9"/>
  </si>
  <si>
    <t>令和3年度　急傾斜地崩壊対策工事（県単）その１</t>
    <rPh sb="17" eb="18">
      <t>ケン</t>
    </rPh>
    <rPh sb="18" eb="19">
      <t>タン</t>
    </rPh>
    <phoneticPr fontId="9"/>
  </si>
  <si>
    <t>令和2年度 通常砂防工事（公共）明許繰越その28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16" eb="18">
      <t>メイキョ</t>
    </rPh>
    <rPh sb="18" eb="20">
      <t>クリコシ</t>
    </rPh>
    <phoneticPr fontId="9"/>
  </si>
  <si>
    <t>令和３年度　災害復旧工事（公共）令和３年度　道路災害防除工事（県単）合併</t>
    <rPh sb="0" eb="2">
      <t>レイワ</t>
    </rPh>
    <rPh sb="3" eb="4">
      <t>ネン</t>
    </rPh>
    <rPh sb="4" eb="5">
      <t>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16" eb="18">
      <t>レイワ</t>
    </rPh>
    <rPh sb="19" eb="20">
      <t>ネン</t>
    </rPh>
    <rPh sb="20" eb="21">
      <t>ド</t>
    </rPh>
    <rPh sb="22" eb="24">
      <t>ドウロ</t>
    </rPh>
    <rPh sb="24" eb="26">
      <t>サイガイ</t>
    </rPh>
    <rPh sb="26" eb="28">
      <t>ボウジョ</t>
    </rPh>
    <rPh sb="28" eb="30">
      <t>コウジ</t>
    </rPh>
    <rPh sb="31" eb="33">
      <t>ケンタン</t>
    </rPh>
    <rPh sb="34" eb="36">
      <t>ガッペイ</t>
    </rPh>
    <phoneticPr fontId="9"/>
  </si>
  <si>
    <t>令和３年度道路改良工事 県単(その26)　令和３年度道路補修工事 県単(その12)合併</t>
  </si>
  <si>
    <t>令和３年度交通安全施設補修工事 県単（その９８）</t>
    <rPh sb="0" eb="2">
      <t>レイワ</t>
    </rPh>
    <rPh sb="3" eb="5">
      <t>ネンド</t>
    </rPh>
    <rPh sb="5" eb="7">
      <t>コウツウ</t>
    </rPh>
    <rPh sb="7" eb="9">
      <t>アンゼン</t>
    </rPh>
    <rPh sb="9" eb="11">
      <t>シセツ</t>
    </rPh>
    <rPh sb="11" eb="13">
      <t>ホシュウ</t>
    </rPh>
    <rPh sb="13" eb="15">
      <t>コウジ</t>
    </rPh>
    <rPh sb="16" eb="17">
      <t>ケン</t>
    </rPh>
    <rPh sb="17" eb="18">
      <t>タン</t>
    </rPh>
    <phoneticPr fontId="9"/>
  </si>
  <si>
    <t>令和２年度　橋りょう補修工事（公共）明許繰越　その１　令和２年度　橋りょう補修工事（県単）明許繰越　その２　合併</t>
  </si>
  <si>
    <t>令和３年度　交通安全施設補修工事　県単（その83）　交通安全施設等整備工事　県単（その38）合併</t>
  </si>
  <si>
    <t>令和３年度交通安全施設補修工事(ゼロ県債)(その１)</t>
    <rPh sb="0" eb="2">
      <t>レイワ</t>
    </rPh>
    <rPh sb="3" eb="5">
      <t>ネンド</t>
    </rPh>
    <rPh sb="5" eb="7">
      <t>コウツウ</t>
    </rPh>
    <rPh sb="7" eb="9">
      <t>アンゼン</t>
    </rPh>
    <rPh sb="9" eb="11">
      <t>シセツ</t>
    </rPh>
    <rPh sb="11" eb="13">
      <t>ホシュウ</t>
    </rPh>
    <rPh sb="13" eb="15">
      <t>コウジ</t>
    </rPh>
    <rPh sb="18" eb="19">
      <t>ケン</t>
    </rPh>
    <rPh sb="19" eb="20">
      <t>サイ</t>
    </rPh>
    <phoneticPr fontId="14"/>
  </si>
  <si>
    <t>令和３年度　道路補修工事（ゼロ県債）（その１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令和３年度　河川改修工事（公共）その１　令和３年度　河川改修工事（県単）その１５　合併</t>
  </si>
  <si>
    <t>令和３年度　河川改修工事（県単）その６　令和３年度　河川維持改修工事（県単）その２　合併</t>
  </si>
  <si>
    <t>令和３年度　海岸高潮対策工事（県単）その６</t>
  </si>
  <si>
    <t>令和３年度　河川修繕工事（県単）その73　令和３年度　河川改修工事（県単）その17　合併</t>
  </si>
  <si>
    <t>令和３年度　河川修繕工事（ゼロ県債）（その１）</t>
  </si>
  <si>
    <t>令和２年度　通常砂防工事（公共）明許繰越その３</t>
    <rPh sb="0" eb="2">
      <t>レイワ</t>
    </rPh>
    <rPh sb="3" eb="4">
      <t>ネン</t>
    </rPh>
    <rPh sb="4" eb="5">
      <t>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16" eb="20">
      <t>メイキョクリコシ</t>
    </rPh>
    <phoneticPr fontId="14"/>
  </si>
  <si>
    <t>令和２年度 急傾斜地崩壊対策工事（県単）明許繰越その１
令和３年度 急傾斜地崩壊対策工事（県単）その１ 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ケンタン</t>
    </rPh>
    <rPh sb="20" eb="22">
      <t>メイキョ</t>
    </rPh>
    <rPh sb="22" eb="24">
      <t>クリコシ</t>
    </rPh>
    <rPh sb="28" eb="30">
      <t>レイワ</t>
    </rPh>
    <rPh sb="31" eb="33">
      <t>ネンド</t>
    </rPh>
    <rPh sb="34" eb="35">
      <t>キュウ</t>
    </rPh>
    <rPh sb="35" eb="38">
      <t>ケイシャチ</t>
    </rPh>
    <rPh sb="38" eb="40">
      <t>ホウカイ</t>
    </rPh>
    <rPh sb="40" eb="42">
      <t>タイサク</t>
    </rPh>
    <rPh sb="42" eb="44">
      <t>コウジ</t>
    </rPh>
    <rPh sb="45" eb="47">
      <t>ケンタン</t>
    </rPh>
    <rPh sb="52" eb="54">
      <t>ガッペイ</t>
    </rPh>
    <phoneticPr fontId="14"/>
  </si>
  <si>
    <t>令和３年度 道路補修工事（ゼロ県債）その１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令和３年度道路補修工事（ゼロ県債）（その１）</t>
    <rPh sb="0" eb="2">
      <t>レイワ</t>
    </rPh>
    <rPh sb="3" eb="4">
      <t>ネン</t>
    </rPh>
    <rPh sb="4" eb="5">
      <t>ド</t>
    </rPh>
    <rPh sb="5" eb="7">
      <t>ドウロ</t>
    </rPh>
    <rPh sb="7" eb="9">
      <t>ホシュウ</t>
    </rPh>
    <rPh sb="9" eb="11">
      <t>コウジ</t>
    </rPh>
    <rPh sb="14" eb="16">
      <t>ケンサイ</t>
    </rPh>
    <phoneticPr fontId="14"/>
  </si>
  <si>
    <t>令和４年度 道路災害防除工事　県単（その１）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phoneticPr fontId="14"/>
  </si>
  <si>
    <t>令和３年度　橋りょう補修工事　県単（その１）　令和４年度　橋りょう補修工事　県単（その１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0">
      <t>キョウ</t>
    </rPh>
    <rPh sb="33" eb="35">
      <t>ホシュウ</t>
    </rPh>
    <rPh sb="35" eb="37">
      <t>コウジ</t>
    </rPh>
    <rPh sb="38" eb="39">
      <t>ケン</t>
    </rPh>
    <rPh sb="39" eb="40">
      <t>タン</t>
    </rPh>
    <rPh sb="45" eb="47">
      <t>ガッペイ</t>
    </rPh>
    <phoneticPr fontId="14"/>
  </si>
  <si>
    <t>令和３年度　急傾斜地崩壊対策工事（ゼロ県債）（その１）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1">
      <t>ケンサイ</t>
    </rPh>
    <phoneticPr fontId="14"/>
  </si>
  <si>
    <t>令和３年度河川環境整備工事(前金付県債)その1　
令和３年度河川修繕工事(前金付県債)その72　合併</t>
    <rPh sb="0" eb="2">
      <t>レイワ</t>
    </rPh>
    <rPh sb="3" eb="5">
      <t>ネンド</t>
    </rPh>
    <rPh sb="5" eb="7">
      <t>カセン</t>
    </rPh>
    <rPh sb="7" eb="9">
      <t>カンキョウ</t>
    </rPh>
    <rPh sb="9" eb="11">
      <t>セイビ</t>
    </rPh>
    <rPh sb="11" eb="13">
      <t>コウジ</t>
    </rPh>
    <rPh sb="14" eb="16">
      <t>マエキン</t>
    </rPh>
    <rPh sb="16" eb="17">
      <t>ツ</t>
    </rPh>
    <rPh sb="17" eb="19">
      <t>ケンサイ</t>
    </rPh>
    <rPh sb="25" eb="27">
      <t>レイワ</t>
    </rPh>
    <rPh sb="28" eb="30">
      <t>ネンド</t>
    </rPh>
    <rPh sb="30" eb="34">
      <t>カセンシュウゼン</t>
    </rPh>
    <rPh sb="34" eb="36">
      <t>コウジ</t>
    </rPh>
    <rPh sb="37" eb="40">
      <t>マエキンツ</t>
    </rPh>
    <rPh sb="40" eb="42">
      <t>ケンサイ</t>
    </rPh>
    <rPh sb="48" eb="50">
      <t>ガッペイ</t>
    </rPh>
    <phoneticPr fontId="14"/>
  </si>
  <si>
    <t>令和３年度　橋りょう補修工事　公共（その１）県単（その２）　令和４年度　橋りょう補修工事　県単（その１）合併</t>
  </si>
  <si>
    <t>令和３年度交通安全施設補修工事（ゼロ県債）（その１）</t>
  </si>
  <si>
    <t>令和３年度　交通安全施設等整備工事（県単）その12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phoneticPr fontId="14"/>
  </si>
  <si>
    <t>令和３年度　交通安全施設補修工事（ゼロ県債）（その１）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9" eb="21">
      <t>ケンサイ</t>
    </rPh>
    <phoneticPr fontId="21"/>
  </si>
  <si>
    <t>令和３年度　街路整備工事（ゼロ県債）その１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5" eb="17">
      <t>ケンサイ</t>
    </rPh>
    <phoneticPr fontId="14"/>
  </si>
  <si>
    <t>令和３年度　道路改良工事　県単（その17）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phoneticPr fontId="14"/>
  </si>
  <si>
    <t>令和３年度　道路改良工事（公共）その１（県単）その２３　合併　</t>
    <rPh sb="28" eb="30">
      <t>ガッペイ</t>
    </rPh>
    <phoneticPr fontId="10"/>
  </si>
  <si>
    <t>令和３年度　道路改良工事（公共）その２（県単）その２４　令和４年度　道路改良工事（県単）その６　合併　</t>
    <rPh sb="28" eb="30">
      <t>レイワ</t>
    </rPh>
    <rPh sb="31" eb="33">
      <t>ネンド</t>
    </rPh>
    <rPh sb="34" eb="36">
      <t>ドウロ</t>
    </rPh>
    <rPh sb="36" eb="38">
      <t>カイリョウ</t>
    </rPh>
    <rPh sb="38" eb="40">
      <t>コウジ</t>
    </rPh>
    <rPh sb="41" eb="42">
      <t>ケン</t>
    </rPh>
    <rPh sb="42" eb="43">
      <t>タン</t>
    </rPh>
    <rPh sb="48" eb="50">
      <t>ガッペイ</t>
    </rPh>
    <phoneticPr fontId="10"/>
  </si>
  <si>
    <t>令和３年度　海岸高潮対策工事（ゼロ県債）（その１）</t>
  </si>
  <si>
    <t>令和３年度 災害復旧工事(公共)その１　令和３年度 砂防施設改良工事(県単)その３　合併</t>
    <rPh sb="0" eb="2">
      <t>レイワ</t>
    </rPh>
    <rPh sb="3" eb="4">
      <t>ネン</t>
    </rPh>
    <rPh sb="4" eb="5">
      <t>ド</t>
    </rPh>
    <rPh sb="6" eb="10">
      <t>サイガイフッキュウ</t>
    </rPh>
    <rPh sb="10" eb="12">
      <t>コウジ</t>
    </rPh>
    <rPh sb="13" eb="15">
      <t>コウキョウ</t>
    </rPh>
    <rPh sb="23" eb="24">
      <t>ネン</t>
    </rPh>
    <rPh sb="26" eb="28">
      <t>サボウ</t>
    </rPh>
    <rPh sb="28" eb="30">
      <t>シセツ</t>
    </rPh>
    <rPh sb="30" eb="32">
      <t>カイリョウ</t>
    </rPh>
    <rPh sb="35" eb="36">
      <t>ケン</t>
    </rPh>
    <rPh sb="36" eb="37">
      <t>タン</t>
    </rPh>
    <rPh sb="42" eb="44">
      <t>ガッペイ</t>
    </rPh>
    <phoneticPr fontId="14"/>
  </si>
  <si>
    <t>令和２年度防災砂防工事（県単）明許繰越その22　令和２年度砂防施設改良工事（県単）明許繰越その10　合併　</t>
    <rPh sb="0" eb="2">
      <t>レイワ</t>
    </rPh>
    <rPh sb="3" eb="5">
      <t>ネンド</t>
    </rPh>
    <rPh sb="5" eb="7">
      <t>ボウサイ</t>
    </rPh>
    <rPh sb="7" eb="9">
      <t>サボウ</t>
    </rPh>
    <rPh sb="9" eb="11">
      <t>コウジ</t>
    </rPh>
    <rPh sb="12" eb="14">
      <t>ケンタン</t>
    </rPh>
    <rPh sb="15" eb="17">
      <t>メイキョ</t>
    </rPh>
    <rPh sb="17" eb="19">
      <t>クリコシ</t>
    </rPh>
    <rPh sb="24" eb="26">
      <t>レイワ</t>
    </rPh>
    <rPh sb="27" eb="29">
      <t>ネンド</t>
    </rPh>
    <rPh sb="29" eb="31">
      <t>サボウ</t>
    </rPh>
    <rPh sb="31" eb="33">
      <t>シセツ</t>
    </rPh>
    <rPh sb="33" eb="35">
      <t>カイリョウ</t>
    </rPh>
    <rPh sb="35" eb="37">
      <t>コウジ</t>
    </rPh>
    <rPh sb="38" eb="40">
      <t>ケンタン</t>
    </rPh>
    <rPh sb="41" eb="43">
      <t>メイキョ</t>
    </rPh>
    <rPh sb="43" eb="45">
      <t>クリコシ</t>
    </rPh>
    <rPh sb="50" eb="52">
      <t>ガッペイ</t>
    </rPh>
    <phoneticPr fontId="14"/>
  </si>
  <si>
    <t>令和２年度　通常砂防工事（公共）明許繰越その６</t>
    <rPh sb="0" eb="2">
      <t>レイワ</t>
    </rPh>
    <rPh sb="3" eb="4">
      <t>ネン</t>
    </rPh>
    <rPh sb="4" eb="5">
      <t>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16" eb="20">
      <t>メイキョクリコシ</t>
    </rPh>
    <phoneticPr fontId="14"/>
  </si>
  <si>
    <t>令和３年度　道路補修工事（ゼロ県債）（その２）</t>
    <rPh sb="0" eb="2">
      <t>レイワ</t>
    </rPh>
    <rPh sb="3" eb="5">
      <t>ネンド</t>
    </rPh>
    <rPh sb="6" eb="12">
      <t>ドウロホシュウコウジ</t>
    </rPh>
    <rPh sb="15" eb="17">
      <t>ケンサイ</t>
    </rPh>
    <phoneticPr fontId="14"/>
  </si>
  <si>
    <t>国府津四丁目県有地災害防除工事（県単）</t>
    <rPh sb="0" eb="3">
      <t>コウヅ</t>
    </rPh>
    <rPh sb="3" eb="6">
      <t>４チョウメ</t>
    </rPh>
    <rPh sb="6" eb="11">
      <t>ケンユウチサイガイ</t>
    </rPh>
    <rPh sb="11" eb="15">
      <t>ボウジョコウジ</t>
    </rPh>
    <rPh sb="16" eb="17">
      <t>ケン</t>
    </rPh>
    <rPh sb="17" eb="18">
      <t>タン</t>
    </rPh>
    <phoneticPr fontId="14"/>
  </si>
  <si>
    <t>令和３年度　電線地中化促進工事（公共）その１（県単）その２　令和４年度　電線地中化促進工事（公共）その２　合併</t>
    <rPh sb="0" eb="2">
      <t>レイワ</t>
    </rPh>
    <rPh sb="3" eb="5">
      <t>ネンド</t>
    </rPh>
    <rPh sb="6" eb="8">
      <t>デンセン</t>
    </rPh>
    <rPh sb="8" eb="11">
      <t>チチュウカ</t>
    </rPh>
    <rPh sb="11" eb="13">
      <t>ソクシン</t>
    </rPh>
    <rPh sb="13" eb="15">
      <t>コウジ</t>
    </rPh>
    <rPh sb="16" eb="18">
      <t>コウキョウ</t>
    </rPh>
    <rPh sb="23" eb="24">
      <t>ケン</t>
    </rPh>
    <rPh sb="24" eb="25">
      <t>タン</t>
    </rPh>
    <rPh sb="30" eb="32">
      <t>レイワ</t>
    </rPh>
    <rPh sb="33" eb="35">
      <t>ネンド</t>
    </rPh>
    <rPh sb="36" eb="38">
      <t>デンセン</t>
    </rPh>
    <rPh sb="38" eb="41">
      <t>チチュウカ</t>
    </rPh>
    <rPh sb="41" eb="43">
      <t>ソクシン</t>
    </rPh>
    <rPh sb="43" eb="45">
      <t>コウジ</t>
    </rPh>
    <rPh sb="46" eb="48">
      <t>コウキョウ</t>
    </rPh>
    <rPh sb="53" eb="55">
      <t>ガッペイ</t>
    </rPh>
    <phoneticPr fontId="14"/>
  </si>
  <si>
    <t>令和３年度　道路補修工事（ゼロ県債）（その２）</t>
    <rPh sb="0" eb="2">
      <t>レイワ</t>
    </rPh>
    <rPh sb="3" eb="5">
      <t>ネンド</t>
    </rPh>
    <rPh sb="6" eb="8">
      <t>ドウロ</t>
    </rPh>
    <rPh sb="8" eb="10">
      <t>ホシュウ</t>
    </rPh>
    <rPh sb="10" eb="12">
      <t>コウジ</t>
    </rPh>
    <rPh sb="15" eb="17">
      <t>ケンサイ</t>
    </rPh>
    <phoneticPr fontId="14"/>
  </si>
  <si>
    <t>令和２年度　水防情報基盤緊急整備工事（公共）明許繰越その１
令和３年度　水防情報基盤緊急整備工事（県単）その３
令和４年度　河川改修工事　県単　合併</t>
    <rPh sb="56" eb="58">
      <t>レイワ</t>
    </rPh>
    <rPh sb="59" eb="61">
      <t>ネンド</t>
    </rPh>
    <rPh sb="62" eb="64">
      <t>カセン</t>
    </rPh>
    <rPh sb="64" eb="66">
      <t>カイシュウ</t>
    </rPh>
    <rPh sb="66" eb="68">
      <t>コウジ</t>
    </rPh>
    <rPh sb="69" eb="71">
      <t>ケンタン</t>
    </rPh>
    <phoneticPr fontId="10"/>
  </si>
  <si>
    <t>令和３年度　災害復旧工事　公共（その２）令和４年度　防災砂防工事　県単（その１）合併</t>
    <rPh sb="0" eb="2">
      <t>レイワ</t>
    </rPh>
    <rPh sb="3" eb="4">
      <t>ネン</t>
    </rPh>
    <rPh sb="4" eb="5">
      <t>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ボウサイ</t>
    </rPh>
    <rPh sb="28" eb="30">
      <t>サボウ</t>
    </rPh>
    <rPh sb="30" eb="32">
      <t>コウジ</t>
    </rPh>
    <rPh sb="33" eb="35">
      <t>ケンタン</t>
    </rPh>
    <rPh sb="40" eb="42">
      <t>ガッペイ</t>
    </rPh>
    <phoneticPr fontId="14"/>
  </si>
  <si>
    <t>令和３年度　災害復旧工事　公共（その２）　令和３年度　道路災害防除工事　県単（その２）　令和４年度　道路災害防除工事　県単（その２）　合併</t>
    <rPh sb="0" eb="2">
      <t>レイワ</t>
    </rPh>
    <rPh sb="3" eb="5">
      <t>ネン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ドウロ</t>
    </rPh>
    <rPh sb="29" eb="31">
      <t>サイガイ</t>
    </rPh>
    <rPh sb="31" eb="33">
      <t>ボウジョ</t>
    </rPh>
    <rPh sb="33" eb="35">
      <t>コウジ</t>
    </rPh>
    <rPh sb="36" eb="37">
      <t>ケン</t>
    </rPh>
    <rPh sb="37" eb="38">
      <t>タン</t>
    </rPh>
    <rPh sb="44" eb="46">
      <t>レイワ</t>
    </rPh>
    <rPh sb="47" eb="49">
      <t>ネンド</t>
    </rPh>
    <rPh sb="50" eb="52">
      <t>ドウロ</t>
    </rPh>
    <rPh sb="52" eb="54">
      <t>サイガイ</t>
    </rPh>
    <rPh sb="54" eb="56">
      <t>ボウジョ</t>
    </rPh>
    <rPh sb="56" eb="58">
      <t>コウジ</t>
    </rPh>
    <rPh sb="59" eb="60">
      <t>ケン</t>
    </rPh>
    <rPh sb="60" eb="61">
      <t>タン</t>
    </rPh>
    <rPh sb="67" eb="69">
      <t>ガッペイ</t>
    </rPh>
    <phoneticPr fontId="14"/>
  </si>
  <si>
    <t>令和３年度　災害復旧工事　公共（その３）　令和３年度　道路災害防除工事　県単（その３）　令和４年度　道路災害防除工事　県単（その３）合併</t>
    <rPh sb="0" eb="2">
      <t>レイワ</t>
    </rPh>
    <rPh sb="3" eb="5">
      <t>ネンド</t>
    </rPh>
    <rPh sb="6" eb="8">
      <t>サイガイ</t>
    </rPh>
    <rPh sb="8" eb="10">
      <t>フッキ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ドウロ</t>
    </rPh>
    <rPh sb="29" eb="31">
      <t>サイガイ</t>
    </rPh>
    <rPh sb="31" eb="33">
      <t>ボウジョ</t>
    </rPh>
    <rPh sb="33" eb="35">
      <t>コウジ</t>
    </rPh>
    <rPh sb="36" eb="37">
      <t>ケン</t>
    </rPh>
    <rPh sb="37" eb="38">
      <t>タン</t>
    </rPh>
    <rPh sb="44" eb="46">
      <t>レイワ</t>
    </rPh>
    <rPh sb="47" eb="49">
      <t>ネンド</t>
    </rPh>
    <rPh sb="50" eb="52">
      <t>ドウロ</t>
    </rPh>
    <rPh sb="52" eb="54">
      <t>サイガイ</t>
    </rPh>
    <rPh sb="54" eb="56">
      <t>ボウジョ</t>
    </rPh>
    <rPh sb="56" eb="58">
      <t>コウジ</t>
    </rPh>
    <rPh sb="59" eb="60">
      <t>ケン</t>
    </rPh>
    <rPh sb="60" eb="61">
      <t>タン</t>
    </rPh>
    <rPh sb="66" eb="68">
      <t>ガッペイ</t>
    </rPh>
    <phoneticPr fontId="14"/>
  </si>
  <si>
    <t>令和３年度　道路災害防除工事　県単（その１）　令和４年度　道路災害防除工事　県単（その２）合併</t>
    <rPh sb="35" eb="37">
      <t>コウジ</t>
    </rPh>
    <phoneticPr fontId="10"/>
  </si>
  <si>
    <t>令和３年度 橋りょう補修工事（ゼロ県債）（その１）</t>
  </si>
  <si>
    <t>令和３年度　交通安全施設補修工事　県単（その100）　令和４年度　交通安全施設補修工事　県単（その84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7" eb="29">
      <t>レイワ</t>
    </rPh>
    <rPh sb="30" eb="32">
      <t>ネンド</t>
    </rPh>
    <rPh sb="33" eb="35">
      <t>コウツウ</t>
    </rPh>
    <rPh sb="35" eb="37">
      <t>アンゼン</t>
    </rPh>
    <rPh sb="37" eb="39">
      <t>シセツ</t>
    </rPh>
    <rPh sb="39" eb="41">
      <t>ホシュウ</t>
    </rPh>
    <rPh sb="41" eb="43">
      <t>コウジ</t>
    </rPh>
    <rPh sb="44" eb="45">
      <t>ケン</t>
    </rPh>
    <rPh sb="45" eb="46">
      <t>タン</t>
    </rPh>
    <rPh sb="52" eb="54">
      <t>ガッペイ</t>
    </rPh>
    <phoneticPr fontId="14"/>
  </si>
  <si>
    <t>令和３年度 交通安全施設等整備工事 公共(その1)　令和４年度 交通安全施設等整備工事 県単(その1)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39">
      <t>トウ</t>
    </rPh>
    <rPh sb="39" eb="41">
      <t>セイビ</t>
    </rPh>
    <rPh sb="41" eb="43">
      <t>コウジ</t>
    </rPh>
    <rPh sb="44" eb="45">
      <t>ケン</t>
    </rPh>
    <rPh sb="45" eb="46">
      <t>タン</t>
    </rPh>
    <rPh sb="51" eb="53">
      <t>ガッペイ</t>
    </rPh>
    <phoneticPr fontId="14"/>
  </si>
  <si>
    <t>令和３年度　道路災害防除工事　県単（その21）　道路補修工事　県単（その21）　令和４年度　道路災害防除工事　県単（その9）合併</t>
    <rPh sb="0" eb="2">
      <t>レイワ</t>
    </rPh>
    <rPh sb="3" eb="5">
      <t>ネン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4" eb="26">
      <t>ドウロ</t>
    </rPh>
    <rPh sb="26" eb="28">
      <t>ホシュウ</t>
    </rPh>
    <rPh sb="28" eb="30">
      <t>コウジ</t>
    </rPh>
    <rPh sb="31" eb="32">
      <t>ケン</t>
    </rPh>
    <rPh sb="32" eb="33">
      <t>タン</t>
    </rPh>
    <rPh sb="40" eb="42">
      <t>レイワ</t>
    </rPh>
    <rPh sb="43" eb="45">
      <t>ネンド</t>
    </rPh>
    <rPh sb="46" eb="48">
      <t>ドウロ</t>
    </rPh>
    <rPh sb="48" eb="50">
      <t>サイガイ</t>
    </rPh>
    <rPh sb="50" eb="52">
      <t>ボウジョ</t>
    </rPh>
    <rPh sb="52" eb="54">
      <t>コウジ</t>
    </rPh>
    <rPh sb="55" eb="56">
      <t>ケン</t>
    </rPh>
    <rPh sb="56" eb="57">
      <t>タン</t>
    </rPh>
    <rPh sb="62" eb="64">
      <t>ガッペイ</t>
    </rPh>
    <phoneticPr fontId="21"/>
  </si>
  <si>
    <t>令和３年度　地すべり対策工事（公共）その２</t>
    <rPh sb="0" eb="2">
      <t>レイワ</t>
    </rPh>
    <rPh sb="3" eb="4">
      <t>ネン</t>
    </rPh>
    <rPh sb="4" eb="5">
      <t>ド</t>
    </rPh>
    <rPh sb="6" eb="7">
      <t>ジ</t>
    </rPh>
    <rPh sb="10" eb="12">
      <t>タイサク</t>
    </rPh>
    <rPh sb="12" eb="14">
      <t>コウジ</t>
    </rPh>
    <rPh sb="15" eb="17">
      <t>コウキョウ</t>
    </rPh>
    <phoneticPr fontId="14"/>
  </si>
  <si>
    <t>令和３年度　橋りょう補修工事　県単（その１）　令和４年度　橋りょう補修工事　県単（その２）合併</t>
    <rPh sb="0" eb="2">
      <t>レイワ</t>
    </rPh>
    <rPh sb="3" eb="5">
      <t>ネンド</t>
    </rPh>
    <rPh sb="6" eb="7">
      <t>キョウ</t>
    </rPh>
    <rPh sb="10" eb="12">
      <t>ホシュウ</t>
    </rPh>
    <rPh sb="12" eb="14">
      <t>コウジ</t>
    </rPh>
    <rPh sb="15" eb="16">
      <t>ケン</t>
    </rPh>
    <rPh sb="16" eb="17">
      <t>タン</t>
    </rPh>
    <rPh sb="23" eb="25">
      <t>レイワ</t>
    </rPh>
    <rPh sb="26" eb="28">
      <t>ネンド</t>
    </rPh>
    <rPh sb="29" eb="30">
      <t>キョウ</t>
    </rPh>
    <rPh sb="33" eb="35">
      <t>ホシュウ</t>
    </rPh>
    <rPh sb="35" eb="37">
      <t>コウジ</t>
    </rPh>
    <rPh sb="38" eb="39">
      <t>ケン</t>
    </rPh>
    <rPh sb="39" eb="40">
      <t>タン</t>
    </rPh>
    <rPh sb="45" eb="47">
      <t>ガッペイ</t>
    </rPh>
    <phoneticPr fontId="14"/>
  </si>
  <si>
    <t>令和４年度　交通安全施設等整備工事　公共（その１）交通安全施設補修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5" eb="27">
      <t>コウツウ</t>
    </rPh>
    <rPh sb="27" eb="29">
      <t>アンゼン</t>
    </rPh>
    <rPh sb="29" eb="31">
      <t>シセツ</t>
    </rPh>
    <rPh sb="31" eb="33">
      <t>ホシュウ</t>
    </rPh>
    <rPh sb="33" eb="35">
      <t>コウジ</t>
    </rPh>
    <rPh sb="36" eb="37">
      <t>ケン</t>
    </rPh>
    <rPh sb="37" eb="38">
      <t>タン</t>
    </rPh>
    <rPh sb="43" eb="45">
      <t>ガッペイ</t>
    </rPh>
    <phoneticPr fontId="14"/>
  </si>
  <si>
    <t>令和４年度　交通安全施設等整備工事　公共（その１）　交通安全施設補修工事　県単（その１）　合併</t>
  </si>
  <si>
    <t>令和３年度　交通安全施設等整備工事　公共（その１）　令和４年度　交通安全施設補修工事　県単（その１）合併</t>
  </si>
  <si>
    <t>令和２年度　河川改修工事（公共）明許繰越その１　令和２年度　河川修繕工事（県単）明許繰越その１　令和４年度　河川改修工事　県単　合併</t>
    <rPh sb="48" eb="50">
      <t>レイワ</t>
    </rPh>
    <rPh sb="51" eb="53">
      <t>ネンド</t>
    </rPh>
    <rPh sb="54" eb="56">
      <t>カセン</t>
    </rPh>
    <rPh sb="56" eb="58">
      <t>カイシュウ</t>
    </rPh>
    <rPh sb="58" eb="60">
      <t>コウジ</t>
    </rPh>
    <rPh sb="61" eb="63">
      <t>ケンタン</t>
    </rPh>
    <phoneticPr fontId="10"/>
  </si>
  <si>
    <t>令和４年度河川改修工事　公共（その１）　河川修繕工事　県単（その１）合併</t>
  </si>
  <si>
    <t>令和４年度河川改修工事　公共（その３）　河川修繕工事　県単（その３）合併</t>
  </si>
  <si>
    <t>令和３年度　通常砂防工事（公共）その１</t>
    <rPh sb="0" eb="2">
      <t>レイワ</t>
    </rPh>
    <rPh sb="3" eb="4">
      <t>ネン</t>
    </rPh>
    <rPh sb="4" eb="5">
      <t>ド</t>
    </rPh>
    <rPh sb="6" eb="10">
      <t>ツウジョウサボウ</t>
    </rPh>
    <rPh sb="10" eb="12">
      <t>コウジ</t>
    </rPh>
    <rPh sb="13" eb="15">
      <t>コウキョウ</t>
    </rPh>
    <phoneticPr fontId="5"/>
  </si>
  <si>
    <t>令和４年度　道路災害防除工事　県単（その１）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7">
      <t>ケンタン</t>
    </rPh>
    <phoneticPr fontId="5"/>
  </si>
  <si>
    <t>国道255号　飯泉橋橋りょう耐震補強工事</t>
    <rPh sb="0" eb="2">
      <t>コクドウ</t>
    </rPh>
    <rPh sb="5" eb="6">
      <t>ゴウ</t>
    </rPh>
    <rPh sb="7" eb="9">
      <t>イイズミ</t>
    </rPh>
    <rPh sb="9" eb="10">
      <t>バシ</t>
    </rPh>
    <rPh sb="10" eb="11">
      <t>キョウ</t>
    </rPh>
    <rPh sb="14" eb="20">
      <t>タイシンホキョウコウジ</t>
    </rPh>
    <phoneticPr fontId="5"/>
  </si>
  <si>
    <t>令和３年度　道路災害防除工事(県単)その２　令和３年度　道路補修工事（県単)その18合併</t>
    <rPh sb="0" eb="2">
      <t>レイワ</t>
    </rPh>
    <rPh sb="3" eb="4">
      <t>ネン</t>
    </rPh>
    <rPh sb="4" eb="5">
      <t>ド</t>
    </rPh>
    <rPh sb="6" eb="8">
      <t>ドウロ</t>
    </rPh>
    <rPh sb="8" eb="10">
      <t>サイガイ</t>
    </rPh>
    <rPh sb="10" eb="12">
      <t>ボウジョ</t>
    </rPh>
    <rPh sb="12" eb="14">
      <t>コウジ</t>
    </rPh>
    <rPh sb="15" eb="16">
      <t>ケン</t>
    </rPh>
    <rPh sb="16" eb="17">
      <t>タン</t>
    </rPh>
    <rPh sb="22" eb="24">
      <t>レイワ</t>
    </rPh>
    <rPh sb="25" eb="27">
      <t>ネンド</t>
    </rPh>
    <rPh sb="28" eb="30">
      <t>ドウロ</t>
    </rPh>
    <rPh sb="30" eb="32">
      <t>ホシュウ</t>
    </rPh>
    <rPh sb="32" eb="34">
      <t>コウジ</t>
    </rPh>
    <rPh sb="35" eb="36">
      <t>ケン</t>
    </rPh>
    <rPh sb="36" eb="37">
      <t>タン</t>
    </rPh>
    <rPh sb="42" eb="44">
      <t>ガッペイ</t>
    </rPh>
    <phoneticPr fontId="5"/>
  </si>
  <si>
    <t>令和４年度 道路災害防除工事 県単（その１）</t>
    <rPh sb="0" eb="2">
      <t>レイワ</t>
    </rPh>
    <rPh sb="3" eb="4">
      <t>ネン</t>
    </rPh>
    <rPh sb="4" eb="5">
      <t>ド</t>
    </rPh>
    <rPh sb="6" eb="14">
      <t>ドウロサイガイボウジョコウジ</t>
    </rPh>
    <rPh sb="15" eb="17">
      <t>ケンタン</t>
    </rPh>
    <phoneticPr fontId="5"/>
  </si>
  <si>
    <t>令和３年度　街路樹整備工事（ゼロ県債）（その１）</t>
    <rPh sb="0" eb="2">
      <t>レイワ</t>
    </rPh>
    <rPh sb="3" eb="5">
      <t>ネンド</t>
    </rPh>
    <rPh sb="6" eb="13">
      <t>ガイロジュセイビコウジ</t>
    </rPh>
    <rPh sb="16" eb="18">
      <t>ケンサイ</t>
    </rPh>
    <phoneticPr fontId="5"/>
  </si>
  <si>
    <t>令和3年度　道路災害防除工事　公共（その1）令和4年度　道路災害防除工事　公共（その1）県単（その1）　合併</t>
  </si>
  <si>
    <t>令和３年度 道路災害防除工事 公共（その１）　
令和４年度 道路災害防除工事 県単（その１）合併</t>
    <rPh sb="8" eb="10">
      <t>サイガイ</t>
    </rPh>
    <rPh sb="10" eb="12">
      <t>ボウジョ</t>
    </rPh>
    <rPh sb="15" eb="17">
      <t>コウキョウ</t>
    </rPh>
    <rPh sb="24" eb="26">
      <t>レイワ</t>
    </rPh>
    <rPh sb="27" eb="29">
      <t>ネンド</t>
    </rPh>
    <phoneticPr fontId="6"/>
  </si>
  <si>
    <t>令和３年度　交通安全施設等整備工事　県単（その１８）　交通安全施設補修工事　県単（その１０８）　道路災害防除工事　県単（その２３）　橋りょう補修工事　県単（その５）　令和４年度　交通安全施設等整備工事　県単（その３２）　交通安全施設補修工事　県単（その１０７）　道路災害防除工事　県単（その１２）合併</t>
  </si>
  <si>
    <t>令和３年度　橋りょう補修工事（公共）その１（県単）その１</t>
  </si>
  <si>
    <t>令和４年度　交通安全施設補修工事　県単（その１）交通安全施設等整備工事　県単（その４０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rPh sb="24" eb="26">
      <t>コウツウ</t>
    </rPh>
    <rPh sb="26" eb="28">
      <t>アンゼン</t>
    </rPh>
    <rPh sb="28" eb="30">
      <t>シセツ</t>
    </rPh>
    <rPh sb="30" eb="31">
      <t>トウ</t>
    </rPh>
    <rPh sb="31" eb="33">
      <t>セイビ</t>
    </rPh>
    <rPh sb="33" eb="35">
      <t>コウジ</t>
    </rPh>
    <rPh sb="36" eb="37">
      <t>ケン</t>
    </rPh>
    <rPh sb="37" eb="38">
      <t>タン</t>
    </rPh>
    <rPh sb="44" eb="46">
      <t>ガッペイ</t>
    </rPh>
    <phoneticPr fontId="5"/>
  </si>
  <si>
    <t>令和３年度　交通安全施設等整備工事　公共（その２）
令和４年度　交通安全施設等整備工事　県単（その１）　
　　　　　　交通安全施設補修工事　県単（その２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39">
      <t>トウ</t>
    </rPh>
    <rPh sb="39" eb="41">
      <t>セイビ</t>
    </rPh>
    <rPh sb="41" eb="43">
      <t>コウジ</t>
    </rPh>
    <rPh sb="44" eb="45">
      <t>ケン</t>
    </rPh>
    <rPh sb="45" eb="46">
      <t>タン</t>
    </rPh>
    <rPh sb="59" eb="61">
      <t>コウツウ</t>
    </rPh>
    <rPh sb="61" eb="63">
      <t>アンゼン</t>
    </rPh>
    <rPh sb="63" eb="65">
      <t>シセツ</t>
    </rPh>
    <rPh sb="65" eb="67">
      <t>ホシュウ</t>
    </rPh>
    <rPh sb="67" eb="69">
      <t>コウジ</t>
    </rPh>
    <rPh sb="70" eb="71">
      <t>ケン</t>
    </rPh>
    <rPh sb="71" eb="72">
      <t>タン</t>
    </rPh>
    <rPh sb="77" eb="79">
      <t>ガッペイ</t>
    </rPh>
    <phoneticPr fontId="5"/>
  </si>
  <si>
    <t>令和３年度　交通安全施設等整備工事　公共（その３）　令和４年度　交通安全施設等整備工事　県単（その２）　交通安全施設補修工事　県単（その３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20">
      <t>コウキョウ</t>
    </rPh>
    <rPh sb="26" eb="28">
      <t>レイワ</t>
    </rPh>
    <rPh sb="29" eb="31">
      <t>ネンド</t>
    </rPh>
    <rPh sb="32" eb="34">
      <t>コウツウ</t>
    </rPh>
    <rPh sb="34" eb="36">
      <t>アンゼン</t>
    </rPh>
    <rPh sb="36" eb="38">
      <t>シセツ</t>
    </rPh>
    <rPh sb="38" eb="39">
      <t>トウ</t>
    </rPh>
    <rPh sb="39" eb="41">
      <t>セイビ</t>
    </rPh>
    <rPh sb="41" eb="43">
      <t>コウジ</t>
    </rPh>
    <rPh sb="44" eb="45">
      <t>ケン</t>
    </rPh>
    <rPh sb="45" eb="46">
      <t>タン</t>
    </rPh>
    <rPh sb="52" eb="54">
      <t>コウツウ</t>
    </rPh>
    <rPh sb="54" eb="56">
      <t>アンゼン</t>
    </rPh>
    <rPh sb="56" eb="58">
      <t>シセツ</t>
    </rPh>
    <rPh sb="58" eb="60">
      <t>ホシュウ</t>
    </rPh>
    <rPh sb="60" eb="62">
      <t>コウジ</t>
    </rPh>
    <rPh sb="63" eb="64">
      <t>ケン</t>
    </rPh>
    <rPh sb="64" eb="65">
      <t>タン</t>
    </rPh>
    <rPh sb="70" eb="72">
      <t>ガッペイ</t>
    </rPh>
    <phoneticPr fontId="5"/>
  </si>
  <si>
    <t>令和３年度　街路整備工事　公共（その７）　令和４年度　街路整備工事　公共（その４）　街路整備工事　県単（その15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6">
      <t>コウキョウ</t>
    </rPh>
    <rPh sb="42" eb="44">
      <t>ガイロ</t>
    </rPh>
    <rPh sb="44" eb="46">
      <t>セイビ</t>
    </rPh>
    <rPh sb="46" eb="48">
      <t>コウジ</t>
    </rPh>
    <rPh sb="49" eb="50">
      <t>ケン</t>
    </rPh>
    <rPh sb="50" eb="51">
      <t>タン</t>
    </rPh>
    <rPh sb="57" eb="59">
      <t>ガッペイ</t>
    </rPh>
    <phoneticPr fontId="5"/>
  </si>
  <si>
    <t>令和３年度　街路整備工事　公共（その９）　令和４年度　街路整備工事　県単（その１６）合併</t>
    <rPh sb="0" eb="2">
      <t>レイワ</t>
    </rPh>
    <rPh sb="3" eb="5">
      <t>ネンド</t>
    </rPh>
    <rPh sb="6" eb="8">
      <t>ガイロ</t>
    </rPh>
    <rPh sb="8" eb="10">
      <t>セイビ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ガイロ</t>
    </rPh>
    <rPh sb="29" eb="31">
      <t>セイビ</t>
    </rPh>
    <rPh sb="31" eb="33">
      <t>コウジ</t>
    </rPh>
    <rPh sb="34" eb="35">
      <t>ケン</t>
    </rPh>
    <rPh sb="35" eb="36">
      <t>タン</t>
    </rPh>
    <rPh sb="42" eb="44">
      <t>ガッペイ</t>
    </rPh>
    <phoneticPr fontId="5"/>
  </si>
  <si>
    <t>令和４年度　都市公園整備工事公共（その1）　令和４年度　公園整備工事県単（その1）合併</t>
  </si>
  <si>
    <t>令和4年度橋りょう補修工事　県単（その１）道路補修工事　県単（その８）合併</t>
    <rPh sb="0" eb="2">
      <t>レイワ</t>
    </rPh>
    <rPh sb="3" eb="4">
      <t>ネン</t>
    </rPh>
    <rPh sb="4" eb="5">
      <t>ド</t>
    </rPh>
    <rPh sb="5" eb="6">
      <t>キョウ</t>
    </rPh>
    <rPh sb="9" eb="11">
      <t>ホシュウ</t>
    </rPh>
    <rPh sb="11" eb="13">
      <t>コウジ</t>
    </rPh>
    <rPh sb="14" eb="15">
      <t>ケン</t>
    </rPh>
    <rPh sb="15" eb="16">
      <t>タン</t>
    </rPh>
    <rPh sb="21" eb="23">
      <t>ドウロ</t>
    </rPh>
    <rPh sb="23" eb="25">
      <t>ホシュウ</t>
    </rPh>
    <rPh sb="25" eb="27">
      <t>コウジ</t>
    </rPh>
    <rPh sb="28" eb="29">
      <t>ケン</t>
    </rPh>
    <rPh sb="29" eb="30">
      <t>タン</t>
    </rPh>
    <rPh sb="35" eb="37">
      <t>ガッペイ</t>
    </rPh>
    <phoneticPr fontId="5"/>
  </si>
  <si>
    <t>令和２年度　河川改修工事（公共）明許繰越その２　令和３年度　河川改修工事（公共）その１　令和３年度　河川改修工事（県単）その１４　令和４年度　河川改修工事　県単　合併</t>
    <rPh sb="65" eb="67">
      <t>レイワ</t>
    </rPh>
    <rPh sb="68" eb="70">
      <t>ネンド</t>
    </rPh>
    <rPh sb="71" eb="77">
      <t>カセンカイシュウコウジ</t>
    </rPh>
    <rPh sb="78" eb="80">
      <t>ケンタン</t>
    </rPh>
    <phoneticPr fontId="10"/>
  </si>
  <si>
    <t>令和３年度 港湾改修工事 公共　港湾修築工事 県単 合併</t>
    <rPh sb="0" eb="2">
      <t>レイワ</t>
    </rPh>
    <rPh sb="3" eb="5">
      <t>ネンド</t>
    </rPh>
    <rPh sb="6" eb="10">
      <t>コウワンカイシュウ</t>
    </rPh>
    <rPh sb="10" eb="12">
      <t>コウジ</t>
    </rPh>
    <rPh sb="13" eb="15">
      <t>コウキョウ</t>
    </rPh>
    <rPh sb="16" eb="18">
      <t>コウワン</t>
    </rPh>
    <rPh sb="18" eb="20">
      <t>シュウチク</t>
    </rPh>
    <rPh sb="20" eb="22">
      <t>コウジ</t>
    </rPh>
    <rPh sb="23" eb="25">
      <t>ケンタン</t>
    </rPh>
    <rPh sb="26" eb="28">
      <t>ガッペイ</t>
    </rPh>
    <phoneticPr fontId="5"/>
  </si>
  <si>
    <t>令和４年度河川修繕工事　県単</t>
  </si>
  <si>
    <t>令和３年度河川改修工事　公共（その１）　令和４年度河川改修工事　公共（その１）　河川修繕工事　県単（その１）合併</t>
    <rPh sb="40" eb="41">
      <t>カワ</t>
    </rPh>
    <phoneticPr fontId="5"/>
  </si>
  <si>
    <t>令和４年度河川改修工事　公共（その２）　河川修繕工事　県単（その２）合併</t>
  </si>
  <si>
    <t>令和４年度河川改修工事　公共（その４）　河川修繕工事　県単（その４）合併</t>
  </si>
  <si>
    <t>令和４年度河川改修工事　公共（その６）　川づくり推進工事　県単（その１）合併</t>
  </si>
  <si>
    <t>令和３年度河川改修工事　公共（その３）　令和４年度河川改修工事　公共（その５）　河川修繕工事　県単（その５）合併</t>
    <rPh sb="0" eb="2">
      <t>レイワ</t>
    </rPh>
    <rPh sb="3" eb="5">
      <t>ネンド</t>
    </rPh>
    <rPh sb="5" eb="7">
      <t>カセン</t>
    </rPh>
    <rPh sb="7" eb="9">
      <t>カイシュウ</t>
    </rPh>
    <rPh sb="9" eb="11">
      <t>コウジ</t>
    </rPh>
    <rPh sb="12" eb="14">
      <t>コウキョウ</t>
    </rPh>
    <rPh sb="20" eb="22">
      <t>レイワ</t>
    </rPh>
    <rPh sb="23" eb="24">
      <t>ネン</t>
    </rPh>
    <rPh sb="24" eb="25">
      <t>ド</t>
    </rPh>
    <rPh sb="25" eb="27">
      <t>カセン</t>
    </rPh>
    <rPh sb="27" eb="29">
      <t>カイシュウ</t>
    </rPh>
    <rPh sb="29" eb="31">
      <t>コウジ</t>
    </rPh>
    <rPh sb="32" eb="34">
      <t>コウキョウ</t>
    </rPh>
    <rPh sb="40" eb="42">
      <t>カセン</t>
    </rPh>
    <rPh sb="42" eb="44">
      <t>シュウゼン</t>
    </rPh>
    <rPh sb="44" eb="46">
      <t>コウジ</t>
    </rPh>
    <rPh sb="47" eb="48">
      <t>ケン</t>
    </rPh>
    <rPh sb="48" eb="49">
      <t>タン</t>
    </rPh>
    <rPh sb="54" eb="56">
      <t>ガッペイ</t>
    </rPh>
    <phoneticPr fontId="5"/>
  </si>
  <si>
    <t>令和４年度海岸高潮工事　県単</t>
  </si>
  <si>
    <t>令和４年度海岸高潮対策工事　県単</t>
  </si>
  <si>
    <t>令和４年度 海岸高潮対策工事 県単</t>
    <rPh sb="0" eb="2">
      <t>レイワ</t>
    </rPh>
    <rPh sb="3" eb="5">
      <t>ネンド</t>
    </rPh>
    <rPh sb="6" eb="8">
      <t>カイガン</t>
    </rPh>
    <rPh sb="8" eb="10">
      <t>タカシオ</t>
    </rPh>
    <rPh sb="10" eb="12">
      <t>タイサク</t>
    </rPh>
    <rPh sb="12" eb="14">
      <t>コウジ</t>
    </rPh>
    <rPh sb="15" eb="17">
      <t>ケンタン</t>
    </rPh>
    <phoneticPr fontId="5"/>
  </si>
  <si>
    <t>令和４年度　急傾斜地崩壊対策工事　公共（その１）急傾斜地施設改良工事　県単（その１）合併</t>
    <rPh sb="0" eb="2">
      <t>レイワ</t>
    </rPh>
    <rPh sb="3" eb="5">
      <t>ネン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5">
      <t>キュウ</t>
    </rPh>
    <rPh sb="25" eb="28">
      <t>ケイシャチ</t>
    </rPh>
    <rPh sb="28" eb="30">
      <t>シセツ</t>
    </rPh>
    <rPh sb="30" eb="32">
      <t>カイリョウ</t>
    </rPh>
    <rPh sb="32" eb="34">
      <t>コウジ</t>
    </rPh>
    <rPh sb="35" eb="36">
      <t>ケン</t>
    </rPh>
    <rPh sb="36" eb="37">
      <t>タン</t>
    </rPh>
    <rPh sb="42" eb="44">
      <t>ガッペイ</t>
    </rPh>
    <phoneticPr fontId="5"/>
  </si>
  <si>
    <t>令和３年度　通常砂防工事　公共（その１）令和４年度　通常砂防工事　公共（その１）　合併</t>
    <rPh sb="0" eb="2">
      <t>レイワ</t>
    </rPh>
    <rPh sb="3" eb="5">
      <t>ネンド</t>
    </rPh>
    <rPh sb="6" eb="8">
      <t>ツウジョウ</t>
    </rPh>
    <rPh sb="8" eb="10">
      <t>サボウ</t>
    </rPh>
    <rPh sb="10" eb="12">
      <t>コウジ</t>
    </rPh>
    <rPh sb="13" eb="15">
      <t>コウキョウ</t>
    </rPh>
    <rPh sb="20" eb="22">
      <t>レイワ</t>
    </rPh>
    <rPh sb="23" eb="24">
      <t>ネン</t>
    </rPh>
    <rPh sb="24" eb="25">
      <t>ド</t>
    </rPh>
    <rPh sb="26" eb="28">
      <t>ツウジョウ</t>
    </rPh>
    <rPh sb="28" eb="30">
      <t>サボウ</t>
    </rPh>
    <rPh sb="30" eb="32">
      <t>コウジ</t>
    </rPh>
    <rPh sb="33" eb="35">
      <t>コウキョウ</t>
    </rPh>
    <rPh sb="41" eb="43">
      <t>ガッペイ</t>
    </rPh>
    <phoneticPr fontId="5"/>
  </si>
  <si>
    <t>令和3年度　通常砂防工事（公共）その1</t>
  </si>
  <si>
    <t>令和３年度　通常砂防工事（公共）その２</t>
  </si>
  <si>
    <t>令和３年度 交通安全施設等整備工事　県単（その１）令和４年度 交通安全施設等整備工事　県単（その１）合併</t>
    <rPh sb="0" eb="2">
      <t>レイワ</t>
    </rPh>
    <rPh sb="3" eb="5">
      <t>ネンド</t>
    </rPh>
    <rPh sb="6" eb="8">
      <t>コウツウ</t>
    </rPh>
    <rPh sb="8" eb="10">
      <t>アンゼン</t>
    </rPh>
    <rPh sb="10" eb="12">
      <t>シセツ</t>
    </rPh>
    <rPh sb="12" eb="13">
      <t>トウ</t>
    </rPh>
    <rPh sb="13" eb="15">
      <t>セイビ</t>
    </rPh>
    <rPh sb="15" eb="17">
      <t>コウジ</t>
    </rPh>
    <rPh sb="18" eb="19">
      <t>ケン</t>
    </rPh>
    <rPh sb="19" eb="20">
      <t>タン</t>
    </rPh>
    <rPh sb="25" eb="27">
      <t>レイワ</t>
    </rPh>
    <rPh sb="28" eb="30">
      <t>ネンド</t>
    </rPh>
    <rPh sb="31" eb="33">
      <t>コウツウ</t>
    </rPh>
    <rPh sb="33" eb="35">
      <t>アンゼン</t>
    </rPh>
    <rPh sb="35" eb="37">
      <t>シセツ</t>
    </rPh>
    <rPh sb="37" eb="38">
      <t>トウ</t>
    </rPh>
    <rPh sb="38" eb="40">
      <t>セイビ</t>
    </rPh>
    <rPh sb="40" eb="42">
      <t>コウジ</t>
    </rPh>
    <rPh sb="43" eb="44">
      <t>ケン</t>
    </rPh>
    <rPh sb="44" eb="45">
      <t>タン</t>
    </rPh>
    <rPh sb="50" eb="52">
      <t>ガッペイ</t>
    </rPh>
    <phoneticPr fontId="14"/>
  </si>
  <si>
    <t>令和３年度　河川修繕工事(県単）１５１－２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phoneticPr fontId="5"/>
  </si>
  <si>
    <t>令和３年度　急傾斜地崩壊対策工事（公共）１０７－２</t>
    <rPh sb="17" eb="19">
      <t>コウキョウ</t>
    </rPh>
    <phoneticPr fontId="5"/>
  </si>
  <si>
    <t>令和３年度　都市公園整備工事（公共）その９　令和３年度　公園整備工事（県単）その１５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2" eb="24">
      <t>レイワ</t>
    </rPh>
    <rPh sb="25" eb="27">
      <t>ネンド</t>
    </rPh>
    <rPh sb="28" eb="30">
      <t>コウエン</t>
    </rPh>
    <rPh sb="30" eb="32">
      <t>セイビ</t>
    </rPh>
    <rPh sb="32" eb="34">
      <t>コウジ</t>
    </rPh>
    <rPh sb="35" eb="37">
      <t>ケンタン</t>
    </rPh>
    <rPh sb="43" eb="45">
      <t>ガッペイ</t>
    </rPh>
    <phoneticPr fontId="5"/>
  </si>
  <si>
    <t>令和３年度　公園整備工事（県単）その１０</t>
  </si>
  <si>
    <t>令和２年度 河川再生工事（公共）2-1 令和２年度 河川改修工事（県単）62-1 令和３年度 河川再生工事（公共）1-1 令和３年度 河川改修工事（県単）68-2 合併</t>
    <rPh sb="0" eb="2">
      <t>レイワ</t>
    </rPh>
    <rPh sb="3" eb="5">
      <t>ネンド</t>
    </rPh>
    <rPh sb="20" eb="22">
      <t>レイワ</t>
    </rPh>
    <rPh sb="23" eb="25">
      <t>ネンド</t>
    </rPh>
    <rPh sb="41" eb="43">
      <t>レイワ</t>
    </rPh>
    <rPh sb="44" eb="46">
      <t>ネンド</t>
    </rPh>
    <rPh sb="61" eb="63">
      <t>レイワ</t>
    </rPh>
    <rPh sb="64" eb="66">
      <t>ネンド</t>
    </rPh>
    <phoneticPr fontId="5"/>
  </si>
  <si>
    <t>令和３年度　河川修繕工事（前金付県債）135-3</t>
    <rPh sb="0" eb="2">
      <t>レイワ</t>
    </rPh>
    <rPh sb="3" eb="5">
      <t>ネンド</t>
    </rPh>
    <phoneticPr fontId="5"/>
  </si>
  <si>
    <t>令和３年度　公園整備工事（ゼロ県債）その１</t>
    <rPh sb="0" eb="2">
      <t>レイワ</t>
    </rPh>
    <rPh sb="3" eb="5">
      <t>ネンド</t>
    </rPh>
    <rPh sb="15" eb="17">
      <t>ケンサイ</t>
    </rPh>
    <phoneticPr fontId="5"/>
  </si>
  <si>
    <t>令和２年度　急傾斜地崩壊対策工事（２月補正・公共）５８－２
令和３年度　急傾斜地崩壊対策工事（公共）９２－２　合併</t>
    <rPh sb="18" eb="19">
      <t>ガツ</t>
    </rPh>
    <rPh sb="19" eb="21">
      <t>ホセイ</t>
    </rPh>
    <rPh sb="22" eb="24">
      <t>コウキョウ</t>
    </rPh>
    <rPh sb="55" eb="57">
      <t>ガッペイ</t>
    </rPh>
    <phoneticPr fontId="5"/>
  </si>
  <si>
    <t>令和３年度　河川改修工事（県単）67-2　令和３年度　河川修繕工事（県単）132-13　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1" eb="23">
      <t>レイワ</t>
    </rPh>
    <rPh sb="24" eb="26">
      <t>ネンド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4" eb="46">
      <t>ガッペイ</t>
    </rPh>
    <phoneticPr fontId="6"/>
  </si>
  <si>
    <t>令和３年度　河川修繕工事（ゼロ県債）（その１）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5" eb="17">
      <t>ケンサイ</t>
    </rPh>
    <phoneticPr fontId="5"/>
  </si>
  <si>
    <t>令和３年度　河川改修工事（公共）３０－１　令和３年度　河川改修工事（県単）７１－７　令和３年度　河川修繕工事（県単）１４６－１　合併</t>
    <rPh sb="0" eb="2">
      <t>レイワ</t>
    </rPh>
    <rPh sb="3" eb="5">
      <t>ネン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29">
      <t>カセン</t>
    </rPh>
    <rPh sb="29" eb="31">
      <t>カイシュウ</t>
    </rPh>
    <rPh sb="31" eb="33">
      <t>コウジ</t>
    </rPh>
    <rPh sb="34" eb="35">
      <t>ケン</t>
    </rPh>
    <rPh sb="35" eb="36">
      <t>タン</t>
    </rPh>
    <rPh sb="42" eb="44">
      <t>レイワ</t>
    </rPh>
    <rPh sb="45" eb="47">
      <t>ネンド</t>
    </rPh>
    <rPh sb="48" eb="50">
      <t>カセン</t>
    </rPh>
    <rPh sb="50" eb="52">
      <t>シュウゼン</t>
    </rPh>
    <rPh sb="52" eb="54">
      <t>コウジ</t>
    </rPh>
    <rPh sb="55" eb="56">
      <t>ケン</t>
    </rPh>
    <rPh sb="56" eb="57">
      <t>タン</t>
    </rPh>
    <rPh sb="64" eb="66">
      <t>ガッペイ</t>
    </rPh>
    <phoneticPr fontId="5"/>
  </si>
  <si>
    <t>令和３年度 水防情報基盤緊急整備工事（県単）２－２ 令和３年度 河川修繕工事（県単）133－８　令和４年度　水防情報基盤緊急整備工事　県単（その２） 合併</t>
    <rPh sb="0" eb="2">
      <t>レイワ</t>
    </rPh>
    <rPh sb="3" eb="5">
      <t>ネンド</t>
    </rPh>
    <rPh sb="26" eb="28">
      <t>レイワ</t>
    </rPh>
    <rPh sb="29" eb="31">
      <t>ネンド</t>
    </rPh>
    <rPh sb="48" eb="50">
      <t>レイワ</t>
    </rPh>
    <rPh sb="51" eb="53">
      <t>ネンド</t>
    </rPh>
    <rPh sb="54" eb="56">
      <t>スイボウ</t>
    </rPh>
    <rPh sb="56" eb="58">
      <t>ジョウホウ</t>
    </rPh>
    <rPh sb="58" eb="60">
      <t>キバン</t>
    </rPh>
    <rPh sb="60" eb="62">
      <t>キンキュウ</t>
    </rPh>
    <rPh sb="62" eb="64">
      <t>セイビ</t>
    </rPh>
    <rPh sb="64" eb="66">
      <t>コウジ</t>
    </rPh>
    <rPh sb="67" eb="68">
      <t>ケン</t>
    </rPh>
    <rPh sb="68" eb="69">
      <t>タン</t>
    </rPh>
    <phoneticPr fontId="5"/>
  </si>
  <si>
    <t>令和３年度 河川修繕工事（県単）137－１令和４年度　河川修繕工事（県単）（その14）合併</t>
    <rPh sb="0" eb="2">
      <t>レイワ</t>
    </rPh>
    <rPh sb="3" eb="5">
      <t>ネンド</t>
    </rPh>
    <rPh sb="21" eb="23">
      <t>レイワ</t>
    </rPh>
    <rPh sb="24" eb="26">
      <t>ネンド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3" eb="45">
      <t>ガッペイ</t>
    </rPh>
    <phoneticPr fontId="5"/>
  </si>
  <si>
    <t>令和３年度 河川修繕工事（県単）141－２</t>
    <rPh sb="0" eb="2">
      <t>レイワ</t>
    </rPh>
    <rPh sb="3" eb="5">
      <t>ネンド</t>
    </rPh>
    <phoneticPr fontId="5"/>
  </si>
  <si>
    <t>令和２年度　急傾斜地崩壊対策工事（２月補正・公共）５６－２
令和３年度　急傾斜地崩壊対策工事（公共）８９－１　合併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8" eb="19">
      <t>ガツ</t>
    </rPh>
    <rPh sb="19" eb="21">
      <t>ホセイ</t>
    </rPh>
    <rPh sb="22" eb="24">
      <t>コウキョウ</t>
    </rPh>
    <rPh sb="30" eb="32">
      <t>レイワ</t>
    </rPh>
    <rPh sb="33" eb="34">
      <t>ネン</t>
    </rPh>
    <rPh sb="34" eb="35">
      <t>ド</t>
    </rPh>
    <rPh sb="36" eb="37">
      <t>キュウ</t>
    </rPh>
    <rPh sb="37" eb="40">
      <t>ケイシャチ</t>
    </rPh>
    <rPh sb="40" eb="42">
      <t>ホウカイ</t>
    </rPh>
    <rPh sb="42" eb="44">
      <t>タイサク</t>
    </rPh>
    <rPh sb="44" eb="46">
      <t>コウジ</t>
    </rPh>
    <rPh sb="47" eb="49">
      <t>コウキョウ</t>
    </rPh>
    <rPh sb="55" eb="57">
      <t>ガッペイ</t>
    </rPh>
    <phoneticPr fontId="5"/>
  </si>
  <si>
    <t>令和３年度　急傾斜地崩壊対策工事（ゼロ県債）14-1</t>
    <rPh sb="0" eb="2">
      <t>レイワ</t>
    </rPh>
    <rPh sb="3" eb="5">
      <t>ネンド</t>
    </rPh>
    <rPh sb="6" eb="16">
      <t>キュウケイシャチホウカイタイサクコウジ</t>
    </rPh>
    <rPh sb="19" eb="21">
      <t>ケンサイ</t>
    </rPh>
    <phoneticPr fontId="5"/>
  </si>
  <si>
    <t>令和３年度　急傾斜地崩壊対策工事（公共）９４－１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6"/>
  </si>
  <si>
    <t>令和３年度　急傾斜地崩壊対策工事（公共）９０－２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5"/>
  </si>
  <si>
    <t>令和３年度　急傾斜地崩壊対策工事（公共）９９－２</t>
    <rPh sb="0" eb="2">
      <t>レイワ</t>
    </rPh>
    <rPh sb="3" eb="5">
      <t>ネンド</t>
    </rPh>
    <rPh sb="6" eb="7">
      <t>キュウ</t>
    </rPh>
    <rPh sb="7" eb="10">
      <t>ケイシャチ</t>
    </rPh>
    <rPh sb="10" eb="16">
      <t>ホウカイタイサクコウジ</t>
    </rPh>
    <rPh sb="17" eb="19">
      <t>コウキョウ</t>
    </rPh>
    <phoneticPr fontId="5"/>
  </si>
  <si>
    <t>令和３年度　急傾斜地施設改良工事（ゼロ県債）１－１</t>
    <rPh sb="10" eb="12">
      <t>シセツ</t>
    </rPh>
    <rPh sb="12" eb="14">
      <t>カイリョウ</t>
    </rPh>
    <rPh sb="19" eb="20">
      <t>ケン</t>
    </rPh>
    <phoneticPr fontId="5"/>
  </si>
  <si>
    <t>令和３年度　河川修繕工事（県単）１３４－１令和４年度　河川修繕工事　県単（その１５）河川改修工事　県単（その１０）合併</t>
    <rPh sb="0" eb="2">
      <t>レイワ</t>
    </rPh>
    <rPh sb="3" eb="5">
      <t>ネンド</t>
    </rPh>
    <rPh sb="21" eb="23">
      <t>レイワ</t>
    </rPh>
    <rPh sb="24" eb="26">
      <t>ネンド</t>
    </rPh>
    <rPh sb="27" eb="29">
      <t>カセン</t>
    </rPh>
    <rPh sb="29" eb="31">
      <t>シュウゼン</t>
    </rPh>
    <rPh sb="31" eb="33">
      <t>コウジ</t>
    </rPh>
    <rPh sb="34" eb="35">
      <t>ケン</t>
    </rPh>
    <rPh sb="35" eb="36">
      <t>タン</t>
    </rPh>
    <rPh sb="42" eb="44">
      <t>カセン</t>
    </rPh>
    <rPh sb="44" eb="46">
      <t>カイシュウ</t>
    </rPh>
    <rPh sb="46" eb="48">
      <t>コウジ</t>
    </rPh>
    <rPh sb="49" eb="50">
      <t>ケン</t>
    </rPh>
    <rPh sb="50" eb="51">
      <t>タン</t>
    </rPh>
    <rPh sb="57" eb="59">
      <t>ガッペイ</t>
    </rPh>
    <phoneticPr fontId="5"/>
  </si>
  <si>
    <t>令和３年度　河川維持改修工事（前金付県債）７０－２</t>
    <rPh sb="0" eb="2">
      <t>レイワ</t>
    </rPh>
    <rPh sb="3" eb="5">
      <t>ネンド</t>
    </rPh>
    <rPh sb="6" eb="8">
      <t>カセン</t>
    </rPh>
    <rPh sb="8" eb="10">
      <t>イジ</t>
    </rPh>
    <rPh sb="10" eb="12">
      <t>カイシュウ</t>
    </rPh>
    <rPh sb="12" eb="14">
      <t>コウジ</t>
    </rPh>
    <rPh sb="15" eb="17">
      <t>マエキン</t>
    </rPh>
    <rPh sb="17" eb="18">
      <t>ツ</t>
    </rPh>
    <rPh sb="18" eb="20">
      <t>ケンサイ</t>
    </rPh>
    <phoneticPr fontId="5"/>
  </si>
  <si>
    <t>令和３年度　急傾斜地崩壊対策工事（ゼロ県単）１３－１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9" eb="21">
      <t>ケンタン</t>
    </rPh>
    <phoneticPr fontId="6"/>
  </si>
  <si>
    <t>令和３年度　急傾斜地崩壊対策工事（公共）１０８－２</t>
    <rPh sb="0" eb="2">
      <t>レイワ</t>
    </rPh>
    <rPh sb="3" eb="4">
      <t>ネン</t>
    </rPh>
    <rPh sb="4" eb="5">
      <t>ド</t>
    </rPh>
    <rPh sb="6" eb="7">
      <t>キュウ</t>
    </rPh>
    <rPh sb="7" eb="10">
      <t>ケイシャ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6"/>
  </si>
  <si>
    <t>令和３年度　河川修繕工事（県単）１５１－１　河川維持改修工事（県単）７０－３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22" eb="24">
      <t>カセン</t>
    </rPh>
    <rPh sb="24" eb="26">
      <t>イジ</t>
    </rPh>
    <rPh sb="26" eb="28">
      <t>カイシュウ</t>
    </rPh>
    <rPh sb="28" eb="30">
      <t>コウジ</t>
    </rPh>
    <rPh sb="31" eb="32">
      <t>ケン</t>
    </rPh>
    <rPh sb="32" eb="33">
      <t>タン</t>
    </rPh>
    <rPh sb="38" eb="40">
      <t>ガッペイ</t>
    </rPh>
    <phoneticPr fontId="5"/>
  </si>
  <si>
    <t>令和３年度　急傾斜地崩壊対策工事（公共）９８－２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phoneticPr fontId="5"/>
  </si>
  <si>
    <t>令和４年度　公園整備工事　県単（その２）</t>
    <rPh sb="0" eb="2">
      <t>レイワ</t>
    </rPh>
    <rPh sb="3" eb="5">
      <t>ネンド</t>
    </rPh>
    <rPh sb="6" eb="8">
      <t>コウエン</t>
    </rPh>
    <rPh sb="8" eb="10">
      <t>セイビ</t>
    </rPh>
    <rPh sb="10" eb="12">
      <t>コウジ</t>
    </rPh>
    <rPh sb="13" eb="14">
      <t>ケン</t>
    </rPh>
    <rPh sb="14" eb="15">
      <t>タン</t>
    </rPh>
    <phoneticPr fontId="5"/>
  </si>
  <si>
    <t>令和３年度 河川改修工事（県単）68-1 令和３年度 水防情報基盤緊急整備工事（県単）26-2 平成４年度　河川改修工事　県単（その21）合併</t>
    <rPh sb="48" eb="50">
      <t>ヘイセイ</t>
    </rPh>
    <rPh sb="51" eb="53">
      <t>ネンド</t>
    </rPh>
    <rPh sb="54" eb="56">
      <t>カセン</t>
    </rPh>
    <rPh sb="56" eb="58">
      <t>カイシュウ</t>
    </rPh>
    <rPh sb="58" eb="60">
      <t>コウジ</t>
    </rPh>
    <rPh sb="61" eb="62">
      <t>ケン</t>
    </rPh>
    <rPh sb="62" eb="63">
      <t>タン</t>
    </rPh>
    <phoneticPr fontId="12"/>
  </si>
  <si>
    <t>令和３年度　急傾斜地崩壊対策工事　公共（その３）令和４年度　急傾斜地崩壊対策工事　公共（その３）急傾斜地崩壊対策工事　県単（その２）合併</t>
    <rPh sb="0" eb="2">
      <t>レイワ</t>
    </rPh>
    <rPh sb="3" eb="5">
      <t>ネンド</t>
    </rPh>
    <rPh sb="6" eb="9">
      <t>キュウケイシャ</t>
    </rPh>
    <rPh sb="9" eb="10">
      <t>チ</t>
    </rPh>
    <rPh sb="10" eb="12">
      <t>ホウカイ</t>
    </rPh>
    <rPh sb="12" eb="14">
      <t>タイサク</t>
    </rPh>
    <rPh sb="14" eb="16">
      <t>コウジ</t>
    </rPh>
    <rPh sb="17" eb="19">
      <t>コウキョウ</t>
    </rPh>
    <rPh sb="24" eb="26">
      <t>レイワ</t>
    </rPh>
    <rPh sb="27" eb="29">
      <t>ネンド</t>
    </rPh>
    <rPh sb="30" eb="33">
      <t>キュウケイシャ</t>
    </rPh>
    <rPh sb="33" eb="34">
      <t>チ</t>
    </rPh>
    <rPh sb="34" eb="36">
      <t>ホウカイ</t>
    </rPh>
    <rPh sb="36" eb="38">
      <t>タイサク</t>
    </rPh>
    <rPh sb="38" eb="40">
      <t>コウジ</t>
    </rPh>
    <rPh sb="41" eb="43">
      <t>コウキョウ</t>
    </rPh>
    <rPh sb="48" eb="51">
      <t>キュウケイシャ</t>
    </rPh>
    <rPh sb="51" eb="52">
      <t>チ</t>
    </rPh>
    <rPh sb="52" eb="54">
      <t>ホウカイ</t>
    </rPh>
    <rPh sb="54" eb="56">
      <t>タイサク</t>
    </rPh>
    <rPh sb="56" eb="58">
      <t>コウジ</t>
    </rPh>
    <rPh sb="59" eb="60">
      <t>ケン</t>
    </rPh>
    <rPh sb="60" eb="61">
      <t>タン</t>
    </rPh>
    <rPh sb="66" eb="68">
      <t>ガッペイ</t>
    </rPh>
    <phoneticPr fontId="5"/>
  </si>
  <si>
    <t>令和３年度 急傾斜地崩壊対策工事　県単(その６) 令和４年度 急傾斜地崩壊対策工事 県単(その３)合併</t>
    <rPh sb="49" eb="51">
      <t>ガッペイ</t>
    </rPh>
    <phoneticPr fontId="12"/>
  </si>
  <si>
    <t>令和３年度　急傾斜地崩壊対策工事　公共(その11)令和４年度　急傾斜地崩壊対策工事　公共(その10)　合併</t>
  </si>
  <si>
    <t>令和４年度　急傾斜地崩壊対策工事　県単（その１７）</t>
    <rPh sb="0" eb="25">
      <t>レ</t>
    </rPh>
    <phoneticPr fontId="5"/>
  </si>
  <si>
    <t>令和３年度　急傾斜地崩壊対策工事　公共（その２）令和４年度　急傾斜地崩壊対策工事　公共（その１）工事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34" eb="36">
      <t>ホウカイ</t>
    </rPh>
    <rPh sb="36" eb="38">
      <t>タイサク</t>
    </rPh>
    <rPh sb="38" eb="40">
      <t>コウジ</t>
    </rPh>
    <rPh sb="41" eb="43">
      <t>コウキョウ</t>
    </rPh>
    <rPh sb="48" eb="50">
      <t>コウジ</t>
    </rPh>
    <phoneticPr fontId="5"/>
  </si>
  <si>
    <t>令和３年度　急傾斜地崩壊対策工事　公共(その１５)令和４年度　急傾斜地崩壊対策工事　公共(その１６)県単（その２７）　合併</t>
    <rPh sb="50" eb="51">
      <t>ケン</t>
    </rPh>
    <rPh sb="51" eb="52">
      <t>タン</t>
    </rPh>
    <phoneticPr fontId="5"/>
  </si>
  <si>
    <t>令和３年度　急傾斜地崩壊対策工事　公共（その５）令和４年度　急傾斜地崩壊対策工事　公共（その４）県単（その４）合併</t>
  </si>
  <si>
    <t>令和３年度　急傾斜地崩壊対策工事　公共（その１０）令和４年度　急傾斜地崩壊対策工事　公共（その９）合併</t>
  </si>
  <si>
    <t>令和３年度　急傾斜地崩壊対策工事　公共（その９）令和４年度　急傾斜地崩壊対策工事　公共（その８）　合併</t>
    <rPh sb="0" eb="2">
      <t>レイワ</t>
    </rPh>
    <rPh sb="3" eb="5">
      <t>ネンド</t>
    </rPh>
    <rPh sb="6" eb="7">
      <t>キュウ</t>
    </rPh>
    <rPh sb="7" eb="10">
      <t>ケイシャチ</t>
    </rPh>
    <rPh sb="10" eb="16">
      <t>ホウカイタイサクコウジ</t>
    </rPh>
    <rPh sb="17" eb="19">
      <t>コウキョウ</t>
    </rPh>
    <phoneticPr fontId="5"/>
  </si>
  <si>
    <t>令和３年度　急傾斜地崩壊対策工事　公共（その６）令和４年度　急傾斜地崩壊対策工事　公共（その５）　合併</t>
    <rPh sb="0" eb="2">
      <t>レイワ</t>
    </rPh>
    <rPh sb="3" eb="5">
      <t>ネンド</t>
    </rPh>
    <rPh sb="6" eb="7">
      <t>キュウ</t>
    </rPh>
    <rPh sb="7" eb="10">
      <t>ケイシャチ</t>
    </rPh>
    <rPh sb="10" eb="16">
      <t>ホウカイタイサクコウジ</t>
    </rPh>
    <rPh sb="17" eb="19">
      <t>コウキョウ</t>
    </rPh>
    <phoneticPr fontId="5"/>
  </si>
  <si>
    <t>令和３年度急傾斜地崩壊対策工事　公共（その７）　令和４年度　急傾斜地崩壊対策工事　公共（その６）　県単（その５）合併</t>
    <rPh sb="0" eb="2">
      <t>レイワ</t>
    </rPh>
    <rPh sb="3" eb="5">
      <t>ネンド</t>
    </rPh>
    <rPh sb="5" eb="6">
      <t>キュウ</t>
    </rPh>
    <rPh sb="6" eb="9">
      <t>ケイシャチ</t>
    </rPh>
    <rPh sb="9" eb="11">
      <t>ホウカイ</t>
    </rPh>
    <rPh sb="11" eb="13">
      <t>タイサク</t>
    </rPh>
    <rPh sb="13" eb="15">
      <t>コウジ</t>
    </rPh>
    <rPh sb="16" eb="18">
      <t>コウキョウ</t>
    </rPh>
    <rPh sb="24" eb="26">
      <t>レイワ</t>
    </rPh>
    <rPh sb="27" eb="28">
      <t>ネン</t>
    </rPh>
    <rPh sb="28" eb="29">
      <t>ド</t>
    </rPh>
    <rPh sb="30" eb="31">
      <t>キュウ</t>
    </rPh>
    <rPh sb="31" eb="34">
      <t>ケイシャチ</t>
    </rPh>
    <rPh sb="41" eb="43">
      <t>コウキョウ</t>
    </rPh>
    <rPh sb="49" eb="50">
      <t>ケン</t>
    </rPh>
    <rPh sb="50" eb="51">
      <t>タン</t>
    </rPh>
    <rPh sb="56" eb="58">
      <t>ガッペイ</t>
    </rPh>
    <phoneticPr fontId="5"/>
  </si>
  <si>
    <t>令和４年度　都市公園整備工事　公共（その２）　令和４年度　公園整備工事　県単（その４）　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コウエン</t>
    </rPh>
    <rPh sb="31" eb="33">
      <t>セイビ</t>
    </rPh>
    <rPh sb="33" eb="35">
      <t>コウジ</t>
    </rPh>
    <rPh sb="36" eb="37">
      <t>ケン</t>
    </rPh>
    <rPh sb="37" eb="38">
      <t>タン</t>
    </rPh>
    <rPh sb="44" eb="46">
      <t>ガッペイ</t>
    </rPh>
    <phoneticPr fontId="5"/>
  </si>
  <si>
    <t>令和3年度　河川修繕工事 県単（その４）令和４年度 河川修繕工事 県単（その16）合併</t>
    <rPh sb="0" eb="2">
      <t>レイワ</t>
    </rPh>
    <rPh sb="3" eb="5">
      <t>ネンド</t>
    </rPh>
    <rPh sb="6" eb="8">
      <t>カセン</t>
    </rPh>
    <rPh sb="8" eb="10">
      <t>シュウゼン</t>
    </rPh>
    <rPh sb="10" eb="12">
      <t>コウジ</t>
    </rPh>
    <rPh sb="13" eb="14">
      <t>ケン</t>
    </rPh>
    <rPh sb="14" eb="15">
      <t>タン</t>
    </rPh>
    <rPh sb="41" eb="43">
      <t>ガッペイ</t>
    </rPh>
    <phoneticPr fontId="12"/>
  </si>
  <si>
    <t>令和４年度　水防情報基盤緊急整備工事　県単（その3）　河川修繕工事　県単（その23）合併</t>
    <rPh sb="0" eb="2">
      <t>レイワ</t>
    </rPh>
    <rPh sb="3" eb="5">
      <t>ネンド</t>
    </rPh>
    <phoneticPr fontId="5"/>
  </si>
  <si>
    <t>令和３年度河川修繕工事（ゼロ県債）（その１）</t>
  </si>
  <si>
    <t>令和３年度河川修繕工事（ゼロ県債）（その３）</t>
  </si>
  <si>
    <t>令和３年度河川修繕工事（ゼロ県債）（その２）</t>
  </si>
  <si>
    <t>令和３年度　河川改修工事　公共（その２）　令和３年度　河川改修工事　県単（その14）合併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5">
      <t>コウキョウ</t>
    </rPh>
    <rPh sb="21" eb="23">
      <t>レイワ</t>
    </rPh>
    <rPh sb="24" eb="26">
      <t>ネンド</t>
    </rPh>
    <rPh sb="27" eb="33">
      <t>カセンカイシュウコウジ</t>
    </rPh>
    <rPh sb="34" eb="35">
      <t>ケン</t>
    </rPh>
    <rPh sb="35" eb="36">
      <t>タン</t>
    </rPh>
    <rPh sb="42" eb="44">
      <t>ガッペイ</t>
    </rPh>
    <phoneticPr fontId="8"/>
  </si>
  <si>
    <t>令和３年度　急傾斜地施設改良工事　県単（その１）令和４年度　急傾斜地崩壊対策工事　県単（その１）合併</t>
    <rPh sb="24" eb="26">
      <t>レイワ</t>
    </rPh>
    <rPh sb="27" eb="29">
      <t>ネンド</t>
    </rPh>
    <rPh sb="30" eb="33">
      <t>キュウケイシャ</t>
    </rPh>
    <rPh sb="33" eb="34">
      <t>チ</t>
    </rPh>
    <rPh sb="34" eb="36">
      <t>ホウカイ</t>
    </rPh>
    <rPh sb="36" eb="38">
      <t>タイサク</t>
    </rPh>
    <rPh sb="38" eb="40">
      <t>コウジ</t>
    </rPh>
    <rPh sb="39" eb="40">
      <t>セコウ</t>
    </rPh>
    <rPh sb="41" eb="42">
      <t>ケン</t>
    </rPh>
    <rPh sb="42" eb="43">
      <t>タン</t>
    </rPh>
    <rPh sb="48" eb="50">
      <t>ガッペイ</t>
    </rPh>
    <phoneticPr fontId="8"/>
  </si>
  <si>
    <t>令和３年度都市公園整備工事公共（その８）令和４年度都市公園整備工事公共（その１）令和４年度公園整備工事県単（その１）合併</t>
  </si>
  <si>
    <t>令和３年度　河川改修工事　県単（その19）河川維持改修工事　県単（その４）令和４年度　河川改修工事　県単（その７）河川維持改修工事　県単（その２）合併　</t>
    <rPh sb="0" eb="2">
      <t>レイワ</t>
    </rPh>
    <rPh sb="3" eb="4">
      <t>ネン</t>
    </rPh>
    <rPh sb="4" eb="5">
      <t>ド</t>
    </rPh>
    <rPh sb="6" eb="8">
      <t>カセン</t>
    </rPh>
    <rPh sb="8" eb="10">
      <t>カイシュウ</t>
    </rPh>
    <rPh sb="10" eb="12">
      <t>コウジ</t>
    </rPh>
    <rPh sb="13" eb="14">
      <t>ケン</t>
    </rPh>
    <rPh sb="14" eb="15">
      <t>タン</t>
    </rPh>
    <rPh sb="21" eb="23">
      <t>カセン</t>
    </rPh>
    <rPh sb="23" eb="25">
      <t>イジ</t>
    </rPh>
    <rPh sb="25" eb="27">
      <t>カイシュウ</t>
    </rPh>
    <rPh sb="27" eb="29">
      <t>コウジ</t>
    </rPh>
    <rPh sb="30" eb="31">
      <t>ケン</t>
    </rPh>
    <rPh sb="31" eb="32">
      <t>タン</t>
    </rPh>
    <rPh sb="37" eb="39">
      <t>レイワ</t>
    </rPh>
    <rPh sb="40" eb="42">
      <t>ネンド</t>
    </rPh>
    <rPh sb="43" eb="45">
      <t>カセン</t>
    </rPh>
    <rPh sb="45" eb="47">
      <t>カイシュウ</t>
    </rPh>
    <rPh sb="47" eb="49">
      <t>コウジ</t>
    </rPh>
    <rPh sb="50" eb="51">
      <t>ケン</t>
    </rPh>
    <rPh sb="51" eb="52">
      <t>タン</t>
    </rPh>
    <rPh sb="57" eb="59">
      <t>カセン</t>
    </rPh>
    <rPh sb="59" eb="61">
      <t>イジ</t>
    </rPh>
    <rPh sb="61" eb="63">
      <t>カイシュウ</t>
    </rPh>
    <rPh sb="63" eb="65">
      <t>コウジ</t>
    </rPh>
    <rPh sb="66" eb="67">
      <t>ケン</t>
    </rPh>
    <rPh sb="67" eb="68">
      <t>タン</t>
    </rPh>
    <rPh sb="73" eb="75">
      <t>ガッペイ</t>
    </rPh>
    <phoneticPr fontId="8"/>
  </si>
  <si>
    <t>令和４年度急傾斜地崩壊対策工事県単（その１）</t>
    <rPh sb="0" eb="2">
      <t>レイワ</t>
    </rPh>
    <rPh sb="3" eb="5">
      <t>ネンド</t>
    </rPh>
    <rPh sb="5" eb="6">
      <t>キュウ</t>
    </rPh>
    <rPh sb="6" eb="9">
      <t>ケイシャチ</t>
    </rPh>
    <rPh sb="9" eb="11">
      <t>ホウカイ</t>
    </rPh>
    <rPh sb="11" eb="13">
      <t>タイサク</t>
    </rPh>
    <rPh sb="13" eb="15">
      <t>コウジ</t>
    </rPh>
    <rPh sb="15" eb="16">
      <t>ケン</t>
    </rPh>
    <rPh sb="16" eb="17">
      <t>タン</t>
    </rPh>
    <phoneticPr fontId="8"/>
  </si>
  <si>
    <t>令和４年度　河川維持改修工事　県単（その１）</t>
    <rPh sb="8" eb="12">
      <t>イジカイシュウ</t>
    </rPh>
    <rPh sb="15" eb="17">
      <t>ケンタン</t>
    </rPh>
    <phoneticPr fontId="8"/>
  </si>
  <si>
    <t>令和４年度　水防情報基盤緊急整備工事　県単（その１）</t>
    <rPh sb="0" eb="2">
      <t>レイワ</t>
    </rPh>
    <rPh sb="3" eb="5">
      <t>ネンド</t>
    </rPh>
    <rPh sb="6" eb="8">
      <t>スイボウ</t>
    </rPh>
    <rPh sb="8" eb="10">
      <t>ジョウホウ</t>
    </rPh>
    <rPh sb="10" eb="12">
      <t>キバン</t>
    </rPh>
    <rPh sb="12" eb="14">
      <t>キンキュウ</t>
    </rPh>
    <rPh sb="14" eb="16">
      <t>セイビ</t>
    </rPh>
    <rPh sb="16" eb="18">
      <t>コウジ</t>
    </rPh>
    <rPh sb="19" eb="21">
      <t>ケンタン</t>
    </rPh>
    <phoneticPr fontId="8"/>
  </si>
  <si>
    <t>令和３年度　急傾斜地崩壊対策工事　公共（その１）
令和４年度　急傾斜地崩壊対策工事　公共（その１）合併</t>
    <rPh sb="0" eb="2">
      <t>レイワ</t>
    </rPh>
    <rPh sb="3" eb="5">
      <t>ネンド</t>
    </rPh>
    <rPh sb="6" eb="16">
      <t>キュウケイシャチホウカイタイサクコウジ</t>
    </rPh>
    <rPh sb="17" eb="19">
      <t>コウキョウ</t>
    </rPh>
    <rPh sb="25" eb="27">
      <t>レイワ</t>
    </rPh>
    <rPh sb="28" eb="30">
      <t>ネンド</t>
    </rPh>
    <rPh sb="31" eb="41">
      <t>キュウケイシャチホウカイタイサクコウジ</t>
    </rPh>
    <rPh sb="42" eb="44">
      <t>コウキョウ</t>
    </rPh>
    <rPh sb="49" eb="51">
      <t>ガッペイ</t>
    </rPh>
    <phoneticPr fontId="8"/>
  </si>
  <si>
    <t>令和４年度　急傾斜地崩壊対策工事　県単（その２）</t>
    <rPh sb="6" eb="16">
      <t>キュウケイシャチホウカイタイサクコウジ</t>
    </rPh>
    <rPh sb="17" eb="19">
      <t>ケンタン</t>
    </rPh>
    <phoneticPr fontId="8"/>
  </si>
  <si>
    <t>令和４年度急傾斜地崩壊対策工事県単（その３）</t>
    <rPh sb="0" eb="2">
      <t>レイワ</t>
    </rPh>
    <rPh sb="3" eb="5">
      <t>ネンド</t>
    </rPh>
    <rPh sb="5" eb="15">
      <t>キュウケイシャチホウカイタイサクコウジ</t>
    </rPh>
    <rPh sb="15" eb="16">
      <t>ケン</t>
    </rPh>
    <rPh sb="16" eb="17">
      <t>タン</t>
    </rPh>
    <phoneticPr fontId="8"/>
  </si>
  <si>
    <t>令和４年度　都市公園整備工事　公共（その２）
令和４年度　公園整備工事　県単（その２）合併</t>
    <rPh sb="0" eb="2">
      <t>レイワ</t>
    </rPh>
    <rPh sb="3" eb="5">
      <t>ネンド</t>
    </rPh>
    <rPh sb="6" eb="8">
      <t>トシ</t>
    </rPh>
    <rPh sb="8" eb="10">
      <t>コウエン</t>
    </rPh>
    <rPh sb="10" eb="12">
      <t>セイビ</t>
    </rPh>
    <rPh sb="12" eb="14">
      <t>コウジ</t>
    </rPh>
    <rPh sb="15" eb="17">
      <t>コウキョウ</t>
    </rPh>
    <rPh sb="23" eb="25">
      <t>レイワ</t>
    </rPh>
    <rPh sb="26" eb="28">
      <t>ネンド</t>
    </rPh>
    <rPh sb="29" eb="31">
      <t>コウエン</t>
    </rPh>
    <rPh sb="31" eb="33">
      <t>セイビ</t>
    </rPh>
    <rPh sb="33" eb="35">
      <t>コウジ</t>
    </rPh>
    <rPh sb="36" eb="37">
      <t>ケン</t>
    </rPh>
    <rPh sb="37" eb="38">
      <t>タン</t>
    </rPh>
    <rPh sb="43" eb="45">
      <t>ガッペイ</t>
    </rPh>
    <phoneticPr fontId="8"/>
  </si>
  <si>
    <t>令和２年度　相模川流域下水道　左岸幹線　管きょ更生工事　公共（その５１）令和３年度　相模川流域下水道　左岸幹線　管きょ更生工事　公共（その３５）県単（その２１）合併</t>
    <rPh sb="0" eb="2">
      <t>レイワ</t>
    </rPh>
    <rPh sb="3" eb="5">
      <t>ネンド</t>
    </rPh>
    <rPh sb="6" eb="14">
      <t>サガミガワリュウイキゲスイドウ</t>
    </rPh>
    <rPh sb="15" eb="17">
      <t>サガン</t>
    </rPh>
    <rPh sb="17" eb="19">
      <t>カンセン</t>
    </rPh>
    <rPh sb="20" eb="21">
      <t>カン</t>
    </rPh>
    <rPh sb="23" eb="25">
      <t>コウセイ</t>
    </rPh>
    <rPh sb="25" eb="27">
      <t>コウジ</t>
    </rPh>
    <rPh sb="28" eb="30">
      <t>コウキョウ</t>
    </rPh>
    <rPh sb="36" eb="38">
      <t>レイワ</t>
    </rPh>
    <rPh sb="39" eb="41">
      <t>ネンド</t>
    </rPh>
    <rPh sb="42" eb="50">
      <t>サガミガワリュウイキゲスイドウ</t>
    </rPh>
    <rPh sb="51" eb="55">
      <t>サガンカンセン</t>
    </rPh>
    <rPh sb="56" eb="57">
      <t>カン</t>
    </rPh>
    <rPh sb="59" eb="61">
      <t>コウセイ</t>
    </rPh>
    <rPh sb="61" eb="63">
      <t>コウジ</t>
    </rPh>
    <rPh sb="64" eb="66">
      <t>コウキョウ</t>
    </rPh>
    <rPh sb="72" eb="74">
      <t>ケンタン</t>
    </rPh>
    <rPh sb="80" eb="82">
      <t>ガッペイ</t>
    </rPh>
    <phoneticPr fontId="10"/>
  </si>
  <si>
    <t>令和３年度 相模川流域下水道　左岸処理場　管理棟建築付帯電気設備改築工事　公共（その４０）令和３年度 相模川流域下水道　左岸処理場　管理棟建築付帯電気設備改築工事　県単建設（その２４）合併</t>
  </si>
  <si>
    <t>令和３年度　酒匂川流域下水道　左岸処理場　連絡管廊（７）耐震補強工事　公共（その１６）</t>
  </si>
  <si>
    <t>相模川流域下水道　左岸処理場　第一分水槽耐震工事</t>
  </si>
  <si>
    <t>酒匂川流域下水道　左岸処理場　水処理第３系列覆蓋上部整備工事</t>
    <rPh sb="0" eb="3">
      <t>サカワガワ</t>
    </rPh>
    <rPh sb="3" eb="8">
      <t>リュウイキゲスイドウ</t>
    </rPh>
    <rPh sb="9" eb="14">
      <t>サガンショリジョウ</t>
    </rPh>
    <rPh sb="15" eb="19">
      <t>ミズショリダイ</t>
    </rPh>
    <rPh sb="20" eb="22">
      <t>ケイレツ</t>
    </rPh>
    <rPh sb="22" eb="26">
      <t>フクガイジョウブ</t>
    </rPh>
    <rPh sb="26" eb="28">
      <t>セイビ</t>
    </rPh>
    <rPh sb="28" eb="30">
      <t>コウジ</t>
    </rPh>
    <phoneticPr fontId="1"/>
  </si>
  <si>
    <t>令和３年度　相模川流域下水道　右岸処理場　低段５号汚水ポンプ吐出弁改築工事　県単建設（その２６）</t>
    <rPh sb="0" eb="2">
      <t>レイワ</t>
    </rPh>
    <rPh sb="3" eb="5">
      <t>ネンド</t>
    </rPh>
    <rPh sb="24" eb="25">
      <t>ゴウ</t>
    </rPh>
    <rPh sb="25" eb="27">
      <t>オスイ</t>
    </rPh>
    <rPh sb="30" eb="37">
      <t>トシュツベンカイチクコウジ</t>
    </rPh>
    <rPh sb="38" eb="42">
      <t>ケンタンケンセツ</t>
    </rPh>
    <phoneticPr fontId="5"/>
  </si>
  <si>
    <t>酒匂川流域下水道　箱根小田原幹線　１－３工区　管渠築造工事</t>
    <rPh sb="0" eb="2">
      <t>サカワ</t>
    </rPh>
    <rPh sb="2" eb="3">
      <t>カワ</t>
    </rPh>
    <rPh sb="3" eb="5">
      <t>リュウイキ</t>
    </rPh>
    <rPh sb="5" eb="8">
      <t>ゲスイドウ</t>
    </rPh>
    <rPh sb="9" eb="11">
      <t>ハコネ</t>
    </rPh>
    <rPh sb="11" eb="14">
      <t>オダワラ</t>
    </rPh>
    <rPh sb="14" eb="16">
      <t>カンセン</t>
    </rPh>
    <rPh sb="20" eb="22">
      <t>コウク</t>
    </rPh>
    <rPh sb="23" eb="25">
      <t>カンキョ</t>
    </rPh>
    <rPh sb="25" eb="27">
      <t>チクゾウ</t>
    </rPh>
    <rPh sb="27" eb="29">
      <t>コウジ</t>
    </rPh>
    <phoneticPr fontId="1"/>
  </si>
  <si>
    <t>相模川流域下水道　左岸処理場　水処理施設耐震工事</t>
  </si>
  <si>
    <t>相模川流域下水道　右岸処理場　水処理施設耐震工事</t>
  </si>
  <si>
    <t>相模川流域下水道　左岸処理場　水処理第１・２系列電気設備改築工事</t>
    <rPh sb="0" eb="2">
      <t>サガミ</t>
    </rPh>
    <rPh sb="2" eb="3">
      <t>ガワ</t>
    </rPh>
    <rPh sb="3" eb="5">
      <t>リュウイキ</t>
    </rPh>
    <rPh sb="5" eb="8">
      <t>ゲスイドウ</t>
    </rPh>
    <rPh sb="9" eb="11">
      <t>サガン</t>
    </rPh>
    <rPh sb="11" eb="14">
      <t>ショリジョウ</t>
    </rPh>
    <rPh sb="18" eb="19">
      <t>ダイ</t>
    </rPh>
    <rPh sb="22" eb="24">
      <t>ケイレツ</t>
    </rPh>
    <rPh sb="24" eb="26">
      <t>デンキ</t>
    </rPh>
    <rPh sb="26" eb="28">
      <t>セツビ</t>
    </rPh>
    <rPh sb="28" eb="30">
      <t>カイチク</t>
    </rPh>
    <rPh sb="30" eb="32">
      <t>コウジ</t>
    </rPh>
    <phoneticPr fontId="8"/>
  </si>
  <si>
    <t>相模川流域下水道　右岸処理場　水処理第３系列電気設備改築工事</t>
  </si>
  <si>
    <t>相模川流域下水道　左岸処理場　用水電気設備改築工事</t>
  </si>
  <si>
    <t>相模川流域下水道　右岸処理場　水処理第３系列反応タンク機械設備改築工事</t>
  </si>
  <si>
    <t>相模川流域下水道　右岸処理場　水処理第３系列最終沈殿池機械設備改築工事</t>
    <rPh sb="0" eb="2">
      <t>サガミ</t>
    </rPh>
    <rPh sb="2" eb="3">
      <t>ガワ</t>
    </rPh>
    <rPh sb="3" eb="5">
      <t>リュウイキ</t>
    </rPh>
    <rPh sb="5" eb="8">
      <t>ゲスイドウ</t>
    </rPh>
    <rPh sb="9" eb="11">
      <t>ウガン</t>
    </rPh>
    <rPh sb="11" eb="14">
      <t>ショリジョウ</t>
    </rPh>
    <rPh sb="15" eb="16">
      <t>ミズ</t>
    </rPh>
    <rPh sb="16" eb="18">
      <t>ショリ</t>
    </rPh>
    <rPh sb="18" eb="19">
      <t>ダイ</t>
    </rPh>
    <rPh sb="20" eb="22">
      <t>ケイレツ</t>
    </rPh>
    <rPh sb="22" eb="24">
      <t>サイシュウ</t>
    </rPh>
    <rPh sb="24" eb="27">
      <t>チンデンチ</t>
    </rPh>
    <rPh sb="27" eb="29">
      <t>キカイ</t>
    </rPh>
    <rPh sb="29" eb="31">
      <t>セツビ</t>
    </rPh>
    <rPh sb="31" eb="33">
      <t>カイチク</t>
    </rPh>
    <rPh sb="33" eb="35">
      <t>コウジ</t>
    </rPh>
    <phoneticPr fontId="8"/>
  </si>
  <si>
    <t>相模川流域下水道　右岸処理場　水処理第３系列ゲート改築工事</t>
  </si>
  <si>
    <t>相模川流域下水道　左岸処理場　用水機械設備改築工事</t>
  </si>
  <si>
    <t>相模川流域下水道　左岸処理場　重力濃縮槽設備改築工事　</t>
  </si>
  <si>
    <t>相模川流域下水道　左岸処理場　水処理第２系列機械設備改築工事</t>
    <rPh sb="9" eb="11">
      <t>サガン</t>
    </rPh>
    <phoneticPr fontId="8"/>
  </si>
  <si>
    <t>県立図書館新棟新築工事（電気）</t>
    <rPh sb="0" eb="2">
      <t>ケンリツ</t>
    </rPh>
    <rPh sb="2" eb="5">
      <t>トショカン</t>
    </rPh>
    <rPh sb="5" eb="6">
      <t>シン</t>
    </rPh>
    <rPh sb="6" eb="7">
      <t>トウ</t>
    </rPh>
    <rPh sb="7" eb="9">
      <t>シンチク</t>
    </rPh>
    <rPh sb="9" eb="11">
      <t>コウジ</t>
    </rPh>
    <rPh sb="12" eb="14">
      <t>デンキ</t>
    </rPh>
    <phoneticPr fontId="8"/>
  </si>
  <si>
    <t>県立図書館新棟新築工事（衛生）</t>
    <rPh sb="0" eb="11">
      <t>ケンリツトショカンシントウシンチクコウジ</t>
    </rPh>
    <rPh sb="12" eb="14">
      <t>エイセイ</t>
    </rPh>
    <phoneticPr fontId="1"/>
  </si>
  <si>
    <t>県立図書館新棟新築工事（空調）</t>
    <rPh sb="0" eb="11">
      <t>ケンリツトショカンシントウシンチクコウジ</t>
    </rPh>
    <rPh sb="12" eb="14">
      <t>クウチョウ</t>
    </rPh>
    <phoneticPr fontId="1"/>
  </si>
  <si>
    <t>県営二宮団地解体除却工事（1期）</t>
    <rPh sb="0" eb="2">
      <t>ケンエイ</t>
    </rPh>
    <rPh sb="2" eb="4">
      <t>ニノミヤ</t>
    </rPh>
    <rPh sb="4" eb="6">
      <t>ダンチ</t>
    </rPh>
    <rPh sb="6" eb="8">
      <t>カイタイ</t>
    </rPh>
    <rPh sb="8" eb="10">
      <t>ジョキャク</t>
    </rPh>
    <rPh sb="10" eb="12">
      <t>コウジ</t>
    </rPh>
    <rPh sb="14" eb="15">
      <t>キ</t>
    </rPh>
    <phoneticPr fontId="8"/>
  </si>
  <si>
    <t>かながわ県民ｾﾝﾀｰｴﾝﾄﾗﾝｽﾎｰﾙ等改修工事（建築）</t>
    <rPh sb="4" eb="6">
      <t>ケンミン</t>
    </rPh>
    <rPh sb="19" eb="20">
      <t>トウ</t>
    </rPh>
    <rPh sb="20" eb="22">
      <t>カイシュウ</t>
    </rPh>
    <rPh sb="22" eb="24">
      <t>コウジ</t>
    </rPh>
    <rPh sb="25" eb="27">
      <t>ケンチク</t>
    </rPh>
    <phoneticPr fontId="5"/>
  </si>
  <si>
    <t>田奈高校南棟改修及び耐震補強工事（建築）</t>
    <rPh sb="0" eb="2">
      <t>タナ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5"/>
  </si>
  <si>
    <t>県立図書館新棟新築工事（建築その２)</t>
    <rPh sb="0" eb="2">
      <t>ケンリツ</t>
    </rPh>
    <rPh sb="2" eb="5">
      <t>トショカン</t>
    </rPh>
    <rPh sb="5" eb="7">
      <t>シントウ</t>
    </rPh>
    <rPh sb="7" eb="9">
      <t>シンチク</t>
    </rPh>
    <rPh sb="9" eb="11">
      <t>コウジ</t>
    </rPh>
    <rPh sb="12" eb="14">
      <t>ケンチク</t>
    </rPh>
    <phoneticPr fontId="5"/>
  </si>
  <si>
    <t>かながわ県民センターエントランスホール等改修工事(電気)</t>
    <rPh sb="4" eb="6">
      <t>ケンミン</t>
    </rPh>
    <rPh sb="19" eb="20">
      <t>トウ</t>
    </rPh>
    <rPh sb="20" eb="24">
      <t>カイシュウコウジ</t>
    </rPh>
    <rPh sb="25" eb="27">
      <t>デンキ</t>
    </rPh>
    <phoneticPr fontId="5"/>
  </si>
  <si>
    <t>田奈高校南棟改修及び耐震補強工事（電気）</t>
    <rPh sb="0" eb="2">
      <t>タナ</t>
    </rPh>
    <rPh sb="2" eb="4">
      <t>コウコウ</t>
    </rPh>
    <rPh sb="4" eb="9">
      <t>ミナミトウカイシュウオヨ</t>
    </rPh>
    <rPh sb="10" eb="16">
      <t>タイシンホキョウコウジ</t>
    </rPh>
    <rPh sb="17" eb="19">
      <t>デンキ</t>
    </rPh>
    <phoneticPr fontId="5"/>
  </si>
  <si>
    <t>田奈高校南棟改修及び耐震補強工事(衛生)</t>
  </si>
  <si>
    <t>上鶴間高校南棟改修及び耐震補強工事（建築）</t>
    <rPh sb="0" eb="3">
      <t>カミツルマ</t>
    </rPh>
    <rPh sb="3" eb="5">
      <t>コウコウ</t>
    </rPh>
    <rPh sb="5" eb="7">
      <t>ミナミ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ケンチク</t>
    </rPh>
    <phoneticPr fontId="5"/>
  </si>
  <si>
    <t>生田東高校南棟改修及び耐震補強工事(建築)</t>
    <rPh sb="0" eb="2">
      <t>イクタ</t>
    </rPh>
    <rPh sb="2" eb="3">
      <t>ヒガシ</t>
    </rPh>
    <rPh sb="3" eb="5">
      <t>コウコウ</t>
    </rPh>
    <rPh sb="5" eb="7">
      <t>ミナミトウ</t>
    </rPh>
    <rPh sb="7" eb="10">
      <t>カイシュウオヨ</t>
    </rPh>
    <rPh sb="11" eb="17">
      <t>タイシンホキョウコウジ</t>
    </rPh>
    <rPh sb="18" eb="20">
      <t>ケンチク</t>
    </rPh>
    <phoneticPr fontId="5"/>
  </si>
  <si>
    <t>霧が丘高校南棟改修及び耐震補強工事（建築）</t>
    <rPh sb="0" eb="1">
      <t>キリ</t>
    </rPh>
    <rPh sb="2" eb="3">
      <t>オカ</t>
    </rPh>
    <rPh sb="3" eb="5">
      <t>コウコウ</t>
    </rPh>
    <rPh sb="5" eb="6">
      <t>ミナミ</t>
    </rPh>
    <rPh sb="6" eb="7">
      <t>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ケンチク</t>
    </rPh>
    <phoneticPr fontId="5"/>
  </si>
  <si>
    <t>生田東高校南棟改修及び耐震補強工事（電気）</t>
    <rPh sb="0" eb="2">
      <t>イクタ</t>
    </rPh>
    <rPh sb="2" eb="3">
      <t>ヒガシ</t>
    </rPh>
    <rPh sb="3" eb="5">
      <t>コウコウ</t>
    </rPh>
    <rPh sb="5" eb="7">
      <t>ミナミ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デンキ</t>
    </rPh>
    <phoneticPr fontId="5"/>
  </si>
  <si>
    <t>上鶴間高校南棟改修及び耐震補強工事(電気)</t>
    <rPh sb="0" eb="3">
      <t>カミツルマ</t>
    </rPh>
    <rPh sb="3" eb="5">
      <t>コウコウ</t>
    </rPh>
    <rPh sb="5" eb="7">
      <t>ミナミトウ</t>
    </rPh>
    <rPh sb="7" eb="10">
      <t>カイシュウオヨ</t>
    </rPh>
    <rPh sb="11" eb="17">
      <t>タイシンホキョウコウジ</t>
    </rPh>
    <rPh sb="18" eb="20">
      <t>デンキ</t>
    </rPh>
    <phoneticPr fontId="5"/>
  </si>
  <si>
    <t>霧が丘高校南棟改修及び耐震補強工事（電気）</t>
    <rPh sb="0" eb="1">
      <t>キリ</t>
    </rPh>
    <rPh sb="2" eb="3">
      <t>オカ</t>
    </rPh>
    <rPh sb="3" eb="5">
      <t>コウコウ</t>
    </rPh>
    <rPh sb="5" eb="7">
      <t>ミナミ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デンキ</t>
    </rPh>
    <phoneticPr fontId="5"/>
  </si>
  <si>
    <t>霧が丘高校南棟改修及び耐震補強工事（衛生）</t>
    <rPh sb="0" eb="1">
      <t>キリ</t>
    </rPh>
    <rPh sb="2" eb="3">
      <t>オカ</t>
    </rPh>
    <rPh sb="3" eb="5">
      <t>コウコウ</t>
    </rPh>
    <rPh sb="5" eb="7">
      <t>ミナミトウ</t>
    </rPh>
    <rPh sb="7" eb="9">
      <t>カイシュウ</t>
    </rPh>
    <rPh sb="9" eb="10">
      <t>オヨ</t>
    </rPh>
    <rPh sb="11" eb="17">
      <t>タイシンホキョウコウジ</t>
    </rPh>
    <rPh sb="18" eb="20">
      <t>エイセイ</t>
    </rPh>
    <phoneticPr fontId="5"/>
  </si>
  <si>
    <t>生田東高校南棟改修及び耐震補強工事（衛生）</t>
  </si>
  <si>
    <t>神奈川総合高校多目的ホール改修工事</t>
    <rPh sb="0" eb="3">
      <t>カナガワ</t>
    </rPh>
    <rPh sb="3" eb="5">
      <t>ソウゴウ</t>
    </rPh>
    <rPh sb="5" eb="7">
      <t>コウコウ</t>
    </rPh>
    <rPh sb="7" eb="10">
      <t>タモクテキ</t>
    </rPh>
    <rPh sb="13" eb="15">
      <t>カイシュウ</t>
    </rPh>
    <rPh sb="15" eb="17">
      <t>コウジ</t>
    </rPh>
    <phoneticPr fontId="5"/>
  </si>
  <si>
    <t>令和３年度　県営緑ケ丘団地(5期)造成工事(道路)</t>
  </si>
  <si>
    <t>寒川高校南棟改修及び耐震補強工事（建築）</t>
    <rPh sb="0" eb="2">
      <t>サムカワ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5"/>
  </si>
  <si>
    <t>足柄高校南棟改修及び耐震補強工事（建築）</t>
    <rPh sb="0" eb="2">
      <t>アシガラ</t>
    </rPh>
    <rPh sb="2" eb="4">
      <t>コウコウ</t>
    </rPh>
    <rPh sb="4" eb="6">
      <t>ミナミトウ</t>
    </rPh>
    <rPh sb="6" eb="9">
      <t>カイシュウオヨ</t>
    </rPh>
    <rPh sb="10" eb="16">
      <t>タイシンホキョウコウジ</t>
    </rPh>
    <rPh sb="17" eb="19">
      <t>ケンチク</t>
    </rPh>
    <phoneticPr fontId="5"/>
  </si>
  <si>
    <t>大和南高校北棟改修及び耐震補強工事（建築）</t>
    <rPh sb="0" eb="5">
      <t>ヤマトミナミコウコウ</t>
    </rPh>
    <rPh sb="5" eb="10">
      <t>キタトウカイシュウオヨ</t>
    </rPh>
    <rPh sb="11" eb="17">
      <t>タイシンホキョウコウジ</t>
    </rPh>
    <rPh sb="18" eb="20">
      <t>ケンチク</t>
    </rPh>
    <phoneticPr fontId="5"/>
  </si>
  <si>
    <t>津久井浜高校北棟改修及び耐震補強工事（建築）</t>
  </si>
  <si>
    <t>瀬谷高校Ａ館改修及び耐震補強工事(建築)</t>
    <rPh sb="0" eb="4">
      <t>セヤコウコウ</t>
    </rPh>
    <rPh sb="5" eb="6">
      <t>カン</t>
    </rPh>
    <rPh sb="6" eb="8">
      <t>カイシュウ</t>
    </rPh>
    <rPh sb="8" eb="9">
      <t>オヨ</t>
    </rPh>
    <rPh sb="10" eb="16">
      <t>タイシンホキョウコウジ</t>
    </rPh>
    <rPh sb="17" eb="19">
      <t>ケンチク</t>
    </rPh>
    <phoneticPr fontId="5"/>
  </si>
  <si>
    <t>金井高校北棟改修及び耐震補強工事（建築）</t>
    <rPh sb="0" eb="2">
      <t>カナイ</t>
    </rPh>
    <rPh sb="2" eb="4">
      <t>コウコウ</t>
    </rPh>
    <rPh sb="4" eb="6">
      <t>キタトウ</t>
    </rPh>
    <rPh sb="6" eb="9">
      <t>カイシュウオヨ</t>
    </rPh>
    <rPh sb="10" eb="16">
      <t>タイシンホキョウコウジ</t>
    </rPh>
    <rPh sb="17" eb="19">
      <t>ケンチク</t>
    </rPh>
    <phoneticPr fontId="5"/>
  </si>
  <si>
    <t>城山高校教室棟２他改修及び耐震補強工事(建築）</t>
    <rPh sb="0" eb="2">
      <t>シロヤマ</t>
    </rPh>
    <rPh sb="2" eb="4">
      <t>コウコウ</t>
    </rPh>
    <rPh sb="4" eb="6">
      <t>キョウシツ</t>
    </rPh>
    <rPh sb="6" eb="7">
      <t>トウ</t>
    </rPh>
    <rPh sb="8" eb="9">
      <t>ホカ</t>
    </rPh>
    <rPh sb="9" eb="11">
      <t>カイシュウ</t>
    </rPh>
    <rPh sb="11" eb="12">
      <t>オヨ</t>
    </rPh>
    <rPh sb="13" eb="15">
      <t>タイシン</t>
    </rPh>
    <rPh sb="15" eb="17">
      <t>ホキョウ</t>
    </rPh>
    <rPh sb="17" eb="19">
      <t>コウジ</t>
    </rPh>
    <rPh sb="20" eb="22">
      <t>ケンチク</t>
    </rPh>
    <phoneticPr fontId="5"/>
  </si>
  <si>
    <t>市ケ尾高校校舎(南棟)改修及び耐震補強工事（建築）</t>
    <rPh sb="0" eb="1">
      <t>イチ</t>
    </rPh>
    <rPh sb="2" eb="3">
      <t>オ</t>
    </rPh>
    <rPh sb="3" eb="5">
      <t>コウコウ</t>
    </rPh>
    <rPh sb="5" eb="7">
      <t>コウシャ</t>
    </rPh>
    <rPh sb="8" eb="10">
      <t>ミナミトウ</t>
    </rPh>
    <rPh sb="11" eb="13">
      <t>カイシュウ</t>
    </rPh>
    <rPh sb="13" eb="14">
      <t>オヨ</t>
    </rPh>
    <rPh sb="15" eb="17">
      <t>タイシン</t>
    </rPh>
    <rPh sb="17" eb="19">
      <t>ホキョウ</t>
    </rPh>
    <rPh sb="19" eb="21">
      <t>コウジ</t>
    </rPh>
    <rPh sb="22" eb="24">
      <t>ケンチク</t>
    </rPh>
    <phoneticPr fontId="5"/>
  </si>
  <si>
    <t>藤沢清流高校南棟改修及び耐震補強工事（建築）</t>
    <rPh sb="0" eb="4">
      <t>フジサワセイリュウ</t>
    </rPh>
    <rPh sb="4" eb="6">
      <t>コウコウ</t>
    </rPh>
    <rPh sb="6" eb="11">
      <t>ミナミトウカイシュウオヨ</t>
    </rPh>
    <rPh sb="12" eb="18">
      <t>タイシンホキョウコウジ</t>
    </rPh>
    <rPh sb="19" eb="21">
      <t>ケンチク</t>
    </rPh>
    <phoneticPr fontId="5"/>
  </si>
  <si>
    <t>横須賀高校特別教室棟（C棟）他改修及び耐震補強工事</t>
    <rPh sb="0" eb="3">
      <t>ヨコスカ</t>
    </rPh>
    <rPh sb="3" eb="5">
      <t>コウコウ</t>
    </rPh>
    <rPh sb="5" eb="7">
      <t>トクベツ</t>
    </rPh>
    <rPh sb="7" eb="9">
      <t>キョウシツ</t>
    </rPh>
    <rPh sb="9" eb="10">
      <t>トウ</t>
    </rPh>
    <rPh sb="12" eb="13">
      <t>トウ</t>
    </rPh>
    <rPh sb="14" eb="15">
      <t>ホカ</t>
    </rPh>
    <rPh sb="15" eb="17">
      <t>カイシュウ</t>
    </rPh>
    <rPh sb="17" eb="18">
      <t>オヨ</t>
    </rPh>
    <rPh sb="19" eb="21">
      <t>タイシン</t>
    </rPh>
    <rPh sb="21" eb="23">
      <t>ホキョウ</t>
    </rPh>
    <rPh sb="23" eb="25">
      <t>コウジ</t>
    </rPh>
    <phoneticPr fontId="5"/>
  </si>
  <si>
    <t>舞岡高校東棟改修及び耐震補強工事（建築）</t>
    <rPh sb="0" eb="2">
      <t>マイオカ</t>
    </rPh>
    <rPh sb="2" eb="4">
      <t>コウコウ</t>
    </rPh>
    <rPh sb="4" eb="5">
      <t>ヒガシ</t>
    </rPh>
    <rPh sb="5" eb="6">
      <t>ムネ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14"/>
  </si>
  <si>
    <t>瀬谷高校A館改修及び耐震補強工事（電気）</t>
    <rPh sb="0" eb="2">
      <t>セヤ</t>
    </rPh>
    <rPh sb="2" eb="4">
      <t>コウコウ</t>
    </rPh>
    <rPh sb="5" eb="6">
      <t>カン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8">
      <t>デン</t>
    </rPh>
    <rPh sb="18" eb="19">
      <t>キ</t>
    </rPh>
    <phoneticPr fontId="5"/>
  </si>
  <si>
    <t>城山高校教室棟２他改修及び耐震補強工事（電気）</t>
    <rPh sb="0" eb="2">
      <t>シロヤマ</t>
    </rPh>
    <rPh sb="2" eb="4">
      <t>コウコウ</t>
    </rPh>
    <rPh sb="4" eb="6">
      <t>キョウシツ</t>
    </rPh>
    <rPh sb="6" eb="7">
      <t>トウ</t>
    </rPh>
    <rPh sb="8" eb="9">
      <t>ホカ</t>
    </rPh>
    <phoneticPr fontId="5"/>
  </si>
  <si>
    <t>舞岡高校東棟改修及び耐震補強工事（電気）</t>
  </si>
  <si>
    <t>寒川高校南棟改修及び耐震補強工事（電気）</t>
    <rPh sb="0" eb="2">
      <t>サムカワ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デンキ</t>
    </rPh>
    <phoneticPr fontId="5"/>
  </si>
  <si>
    <t>足柄高校南棟改修及び耐震補強工事(電気)</t>
    <rPh sb="0" eb="6">
      <t>アシガラコウコウミナミトウ</t>
    </rPh>
    <rPh sb="6" eb="9">
      <t>カイシュウオヨ</t>
    </rPh>
    <rPh sb="10" eb="16">
      <t>タイシンホキョウコウジ</t>
    </rPh>
    <rPh sb="17" eb="19">
      <t>デンキ</t>
    </rPh>
    <phoneticPr fontId="5"/>
  </si>
  <si>
    <t>藤沢清流高校南棟改修及び耐震補強工事（電気）</t>
    <rPh sb="0" eb="2">
      <t>フジサワ</t>
    </rPh>
    <rPh sb="2" eb="4">
      <t>セイリュウ</t>
    </rPh>
    <rPh sb="4" eb="6">
      <t>コウコウ</t>
    </rPh>
    <rPh sb="6" eb="8">
      <t>ミナミトウ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デンキ</t>
    </rPh>
    <phoneticPr fontId="5"/>
  </si>
  <si>
    <t>大和南高校北棟改修及び耐震補強工事（電気）</t>
    <rPh sb="0" eb="2">
      <t>ヤマト</t>
    </rPh>
    <rPh sb="2" eb="3">
      <t>ミナミ</t>
    </rPh>
    <rPh sb="3" eb="5">
      <t>コウコウ</t>
    </rPh>
    <rPh sb="5" eb="7">
      <t>キタトウ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デンキ</t>
    </rPh>
    <phoneticPr fontId="5"/>
  </si>
  <si>
    <t>寒川高校南棟改修及び耐震補強工事(衛生)</t>
    <rPh sb="0" eb="2">
      <t>サムカワ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エイセイ</t>
    </rPh>
    <phoneticPr fontId="5"/>
  </si>
  <si>
    <t>舞岡高校東棟改修及び耐震補強工事（衛生）</t>
    <rPh sb="0" eb="2">
      <t>マイオカ</t>
    </rPh>
    <rPh sb="2" eb="4">
      <t>コウコウ</t>
    </rPh>
    <rPh sb="4" eb="6">
      <t>ヒガシ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エイセイ</t>
    </rPh>
    <phoneticPr fontId="12"/>
  </si>
  <si>
    <t>城山高校教室棟2他改修及び耐震補強工事（空調）</t>
    <rPh sb="0" eb="2">
      <t>シロヤマ</t>
    </rPh>
    <rPh sb="2" eb="4">
      <t>コウコウ</t>
    </rPh>
    <rPh sb="4" eb="7">
      <t>キョウシツトウ</t>
    </rPh>
    <rPh sb="8" eb="9">
      <t>ホカ</t>
    </rPh>
    <rPh sb="9" eb="12">
      <t>カイシュウオヨ</t>
    </rPh>
    <rPh sb="13" eb="19">
      <t>タイシンホキョウコウジ</t>
    </rPh>
    <rPh sb="20" eb="22">
      <t>クウチョウ</t>
    </rPh>
    <phoneticPr fontId="5"/>
  </si>
  <si>
    <t>城山高校教室棟２他改修及び耐震補強工事（衛生）</t>
    <rPh sb="0" eb="2">
      <t>シロヤマ</t>
    </rPh>
    <rPh sb="2" eb="4">
      <t>コウコウ</t>
    </rPh>
    <rPh sb="4" eb="7">
      <t>キョウシツトウ</t>
    </rPh>
    <rPh sb="8" eb="9">
      <t>ホカ</t>
    </rPh>
    <rPh sb="9" eb="12">
      <t>カイシュウオヨ</t>
    </rPh>
    <rPh sb="13" eb="19">
      <t>タイシンホキョウコウジ</t>
    </rPh>
    <rPh sb="20" eb="22">
      <t>エイセイ</t>
    </rPh>
    <phoneticPr fontId="5"/>
  </si>
  <si>
    <t>金井高校北棟改修及び耐震補強工事（衛生）</t>
    <rPh sb="0" eb="2">
      <t>カナイ</t>
    </rPh>
    <rPh sb="2" eb="4">
      <t>コウコウ</t>
    </rPh>
    <rPh sb="4" eb="6">
      <t>キタ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エイセイ</t>
    </rPh>
    <phoneticPr fontId="5"/>
  </si>
  <si>
    <t>大和南高校北棟改修及び耐震補強工事（衛生）</t>
    <rPh sb="0" eb="2">
      <t>ヤマト</t>
    </rPh>
    <rPh sb="2" eb="3">
      <t>ミナミ</t>
    </rPh>
    <rPh sb="3" eb="5">
      <t>コウコウ</t>
    </rPh>
    <rPh sb="5" eb="7">
      <t>キタトウ</t>
    </rPh>
    <rPh sb="7" eb="10">
      <t>カイシュウオヨ</t>
    </rPh>
    <rPh sb="11" eb="17">
      <t>タイシンホキョウコウジ</t>
    </rPh>
    <rPh sb="18" eb="20">
      <t>エイセイ</t>
    </rPh>
    <phoneticPr fontId="5"/>
  </si>
  <si>
    <t>津久井浜高校北棟改修及び耐震補強工事（衛生）</t>
    <rPh sb="0" eb="3">
      <t>ツクイ</t>
    </rPh>
    <rPh sb="3" eb="4">
      <t>ハマ</t>
    </rPh>
    <rPh sb="4" eb="6">
      <t>コウコウ</t>
    </rPh>
    <rPh sb="6" eb="11">
      <t>キタトウカイシュウオヨ</t>
    </rPh>
    <rPh sb="12" eb="18">
      <t>タイシンホキョウコウジ</t>
    </rPh>
    <rPh sb="19" eb="21">
      <t>エイセイ</t>
    </rPh>
    <phoneticPr fontId="5"/>
  </si>
  <si>
    <t>足柄高校南棟改修及び耐震補強工事（衛生）</t>
  </si>
  <si>
    <t>藤沢清流高校南棟改修及び耐震補強工事（衛生）</t>
    <rPh sb="0" eb="2">
      <t>フジサワ</t>
    </rPh>
    <rPh sb="2" eb="4">
      <t>セイリュウ</t>
    </rPh>
    <rPh sb="4" eb="6">
      <t>コウコウ</t>
    </rPh>
    <rPh sb="6" eb="8">
      <t>ミナミトウ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エイセイ</t>
    </rPh>
    <phoneticPr fontId="5"/>
  </si>
  <si>
    <t>市ケ尾高校校舎（南棟）改修及び耐震補強工事（衛生）</t>
    <rPh sb="0" eb="1">
      <t>シ</t>
    </rPh>
    <rPh sb="2" eb="3">
      <t>オ</t>
    </rPh>
    <rPh sb="3" eb="5">
      <t>コウコウ</t>
    </rPh>
    <rPh sb="5" eb="7">
      <t>コウシャ</t>
    </rPh>
    <rPh sb="8" eb="10">
      <t>ミナミトウ</t>
    </rPh>
    <rPh sb="11" eb="13">
      <t>カイシュウ</t>
    </rPh>
    <rPh sb="13" eb="14">
      <t>オヨ</t>
    </rPh>
    <rPh sb="15" eb="17">
      <t>タイシン</t>
    </rPh>
    <rPh sb="17" eb="19">
      <t>ホキョウ</t>
    </rPh>
    <rPh sb="19" eb="21">
      <t>コウジ</t>
    </rPh>
    <rPh sb="22" eb="24">
      <t>エイセイ</t>
    </rPh>
    <phoneticPr fontId="5"/>
  </si>
  <si>
    <t>上溝南高校北棟他改修及び耐震補強工事（建築）</t>
    <rPh sb="0" eb="2">
      <t>カミミゾ</t>
    </rPh>
    <rPh sb="2" eb="3">
      <t>ミナミ</t>
    </rPh>
    <rPh sb="3" eb="5">
      <t>コウコウ</t>
    </rPh>
    <rPh sb="5" eb="7">
      <t>キタトウ</t>
    </rPh>
    <rPh sb="7" eb="8">
      <t>ホカ</t>
    </rPh>
    <rPh sb="8" eb="11">
      <t>カイシュウオヨ</t>
    </rPh>
    <rPh sb="12" eb="18">
      <t>タイシンホキョウコウジ</t>
    </rPh>
    <rPh sb="19" eb="21">
      <t>ケンチク</t>
    </rPh>
    <phoneticPr fontId="5"/>
  </si>
  <si>
    <t>大和高校B棟改修及び耐震補強工事（建築）</t>
    <rPh sb="0" eb="2">
      <t>ヤマト</t>
    </rPh>
    <rPh sb="2" eb="4">
      <t>コウコウ</t>
    </rPh>
    <rPh sb="5" eb="6">
      <t>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5"/>
  </si>
  <si>
    <t>保土ケ谷高校南棟他改修及び耐震補強工事（建築）</t>
    <rPh sb="0" eb="4">
      <t>ホドガヤ</t>
    </rPh>
    <rPh sb="4" eb="6">
      <t>コウコウ</t>
    </rPh>
    <rPh sb="6" eb="8">
      <t>ミナミトウ</t>
    </rPh>
    <rPh sb="8" eb="9">
      <t>ホカ</t>
    </rPh>
    <rPh sb="9" eb="11">
      <t>カイシュウ</t>
    </rPh>
    <rPh sb="11" eb="12">
      <t>オヨ</t>
    </rPh>
    <rPh sb="13" eb="15">
      <t>タイシン</t>
    </rPh>
    <rPh sb="15" eb="17">
      <t>ホキョウ</t>
    </rPh>
    <rPh sb="17" eb="19">
      <t>コウジ</t>
    </rPh>
    <rPh sb="20" eb="22">
      <t>ケンチク</t>
    </rPh>
    <phoneticPr fontId="5"/>
  </si>
  <si>
    <t>保土ケ谷高校南棟他改修及び耐震補強工事（電気）</t>
    <rPh sb="0" eb="4">
      <t>ホドガヤ</t>
    </rPh>
    <rPh sb="4" eb="6">
      <t>コウコウ</t>
    </rPh>
    <rPh sb="6" eb="8">
      <t>ミナミトウ</t>
    </rPh>
    <rPh sb="8" eb="9">
      <t>ホカ</t>
    </rPh>
    <rPh sb="9" eb="11">
      <t>カイシュウ</t>
    </rPh>
    <rPh sb="11" eb="12">
      <t>オヨ</t>
    </rPh>
    <rPh sb="13" eb="15">
      <t>タイシン</t>
    </rPh>
    <rPh sb="15" eb="17">
      <t>ホキョウ</t>
    </rPh>
    <rPh sb="17" eb="19">
      <t>コウジ</t>
    </rPh>
    <rPh sb="20" eb="22">
      <t>デンキ</t>
    </rPh>
    <phoneticPr fontId="5"/>
  </si>
  <si>
    <t>上溝南高校北棟他改修及び耐震補強工事（電気）</t>
    <rPh sb="0" eb="2">
      <t>カミミゾ</t>
    </rPh>
    <rPh sb="2" eb="3">
      <t>ミナミ</t>
    </rPh>
    <rPh sb="3" eb="5">
      <t>コウコウ</t>
    </rPh>
    <rPh sb="5" eb="6">
      <t>キタ</t>
    </rPh>
    <rPh sb="6" eb="7">
      <t>トウ</t>
    </rPh>
    <rPh sb="7" eb="8">
      <t>ホカ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デンキ</t>
    </rPh>
    <phoneticPr fontId="5"/>
  </si>
  <si>
    <t>保土ケ谷高校南棟他改修及び耐震補強工事（衛生）</t>
  </si>
  <si>
    <t>大和高校B棟改修及び耐震補強工事（空調）</t>
    <rPh sb="0" eb="2">
      <t>ヤマト</t>
    </rPh>
    <rPh sb="2" eb="4">
      <t>コウコウ</t>
    </rPh>
    <rPh sb="5" eb="6">
      <t>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クウチョウ</t>
    </rPh>
    <phoneticPr fontId="5"/>
  </si>
  <si>
    <t>上鶴間高校南棟改修及び耐震補強工事(衛生)</t>
    <rPh sb="0" eb="3">
      <t>カミツルマ</t>
    </rPh>
    <rPh sb="3" eb="5">
      <t>コウコウ</t>
    </rPh>
    <rPh sb="5" eb="7">
      <t>ミナミトウ</t>
    </rPh>
    <rPh sb="7" eb="10">
      <t>カイシュウオヨ</t>
    </rPh>
    <rPh sb="11" eb="17">
      <t>タイシンホキョウコウジ</t>
    </rPh>
    <rPh sb="18" eb="20">
      <t>エイセイ</t>
    </rPh>
    <phoneticPr fontId="5"/>
  </si>
  <si>
    <t>上溝南高校北棟他改修及び耐震補強工事（衛生）</t>
    <rPh sb="0" eb="2">
      <t>カミミゾ</t>
    </rPh>
    <rPh sb="2" eb="3">
      <t>ミナミ</t>
    </rPh>
    <rPh sb="3" eb="5">
      <t>コウコウ</t>
    </rPh>
    <rPh sb="5" eb="7">
      <t>キタトウ</t>
    </rPh>
    <rPh sb="7" eb="8">
      <t>ホカ</t>
    </rPh>
    <rPh sb="8" eb="11">
      <t>カイシュウオヨ</t>
    </rPh>
    <rPh sb="12" eb="18">
      <t>タイシンホキョウコウジ</t>
    </rPh>
    <rPh sb="19" eb="21">
      <t>エイセイ</t>
    </rPh>
    <phoneticPr fontId="12"/>
  </si>
  <si>
    <t>鶴嶺高校南棟改修及び耐震補強工事（建築）</t>
    <rPh sb="0" eb="2">
      <t>ツルミネ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5"/>
  </si>
  <si>
    <t>鶴嶺高校南棟改修及び耐震補強工事（電気）</t>
    <rPh sb="0" eb="2">
      <t>ツルミネ</t>
    </rPh>
    <rPh sb="2" eb="4">
      <t>コウコウ</t>
    </rPh>
    <rPh sb="4" eb="6">
      <t>ミナミトウ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デンキ</t>
    </rPh>
    <phoneticPr fontId="5"/>
  </si>
  <si>
    <t>鎌倉高校Ｅ棟改修及び耐震補強工事（建築）</t>
    <rPh sb="0" eb="2">
      <t>カマクラ</t>
    </rPh>
    <rPh sb="2" eb="4">
      <t>コウコウ</t>
    </rPh>
    <rPh sb="5" eb="6">
      <t>ムネ</t>
    </rPh>
    <rPh sb="6" eb="8">
      <t>カイシュウ</t>
    </rPh>
    <rPh sb="8" eb="9">
      <t>オヨ</t>
    </rPh>
    <rPh sb="10" eb="12">
      <t>タイシン</t>
    </rPh>
    <rPh sb="12" eb="14">
      <t>ホキョウ</t>
    </rPh>
    <rPh sb="14" eb="16">
      <t>コウジ</t>
    </rPh>
    <rPh sb="17" eb="19">
      <t>ケンチク</t>
    </rPh>
    <phoneticPr fontId="14"/>
  </si>
  <si>
    <t>茅ケ崎高校中館他改修及び耐震補強工事（建築）</t>
    <rPh sb="0" eb="3">
      <t>チガサキ</t>
    </rPh>
    <rPh sb="3" eb="5">
      <t>コウコウ</t>
    </rPh>
    <rPh sb="5" eb="6">
      <t>ナカ</t>
    </rPh>
    <rPh sb="6" eb="7">
      <t>カン</t>
    </rPh>
    <rPh sb="7" eb="8">
      <t>ホカ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ケンチク</t>
    </rPh>
    <phoneticPr fontId="14"/>
  </si>
  <si>
    <t>山北高校B棟他改修及び耐震補強工事(建築）</t>
    <rPh sb="0" eb="2">
      <t>ヤマキタ</t>
    </rPh>
    <rPh sb="2" eb="4">
      <t>コウコウ</t>
    </rPh>
    <rPh sb="5" eb="6">
      <t>トウ</t>
    </rPh>
    <rPh sb="6" eb="10">
      <t>ホカカイシュウオヨ</t>
    </rPh>
    <rPh sb="11" eb="17">
      <t>タイシンホキョウコウジ</t>
    </rPh>
    <rPh sb="18" eb="20">
      <t>ケンチク</t>
    </rPh>
    <phoneticPr fontId="5"/>
  </si>
  <si>
    <t>横浜明朋高校体育館改修工事（ゼロ県債）</t>
    <rPh sb="0" eb="2">
      <t>ヨコハマ</t>
    </rPh>
    <rPh sb="2" eb="3">
      <t>メイ</t>
    </rPh>
    <rPh sb="3" eb="4">
      <t>ホウ</t>
    </rPh>
    <rPh sb="4" eb="6">
      <t>コウコウ</t>
    </rPh>
    <rPh sb="6" eb="9">
      <t>タイイクカン</t>
    </rPh>
    <rPh sb="9" eb="11">
      <t>カイシュウ</t>
    </rPh>
    <rPh sb="11" eb="13">
      <t>コウジ</t>
    </rPh>
    <rPh sb="16" eb="18">
      <t>ケンサイ</t>
    </rPh>
    <phoneticPr fontId="5"/>
  </si>
  <si>
    <t>三ツ境養護学校第２棟改修及び耐震補強工事（建築）</t>
    <rPh sb="0" eb="1">
      <t>ミ</t>
    </rPh>
    <rPh sb="2" eb="3">
      <t>キョウ</t>
    </rPh>
    <rPh sb="3" eb="5">
      <t>ヨウゴ</t>
    </rPh>
    <rPh sb="5" eb="7">
      <t>ガッコウ</t>
    </rPh>
    <rPh sb="7" eb="8">
      <t>ダイ</t>
    </rPh>
    <rPh sb="9" eb="10">
      <t>トウ</t>
    </rPh>
    <rPh sb="10" eb="12">
      <t>カイシュウ</t>
    </rPh>
    <rPh sb="12" eb="13">
      <t>オヨ</t>
    </rPh>
    <rPh sb="14" eb="16">
      <t>タイシン</t>
    </rPh>
    <rPh sb="16" eb="18">
      <t>ホキョウ</t>
    </rPh>
    <rPh sb="18" eb="20">
      <t>コウジ</t>
    </rPh>
    <rPh sb="21" eb="23">
      <t>ケンチク</t>
    </rPh>
    <phoneticPr fontId="5"/>
  </si>
  <si>
    <t>令和３年度　県営追浜第二団地造成工事(道路)</t>
  </si>
  <si>
    <t>茅ケ崎高校中館他改修及び耐震補強工事（衛生）</t>
    <rPh sb="19" eb="21">
      <t>エイセイ</t>
    </rPh>
    <phoneticPr fontId="5"/>
  </si>
  <si>
    <t>三ツ境養護学校第２棟改修及び耐震補強工事（空調）</t>
  </si>
  <si>
    <t>鎌倉高校Ｅ棟改修及び耐震補強工事(衛生)</t>
  </si>
  <si>
    <t>三ツ境養護学校第2棟改修及び耐震補強工事（電気）</t>
    <rPh sb="0" eb="1">
      <t>ミ</t>
    </rPh>
    <rPh sb="2" eb="3">
      <t>キョウ</t>
    </rPh>
    <rPh sb="3" eb="5">
      <t>ヨウゴ</t>
    </rPh>
    <rPh sb="5" eb="7">
      <t>ガッコウ</t>
    </rPh>
    <rPh sb="7" eb="8">
      <t>ダイ</t>
    </rPh>
    <rPh sb="9" eb="10">
      <t>トウ</t>
    </rPh>
    <rPh sb="10" eb="12">
      <t>カイシュウ</t>
    </rPh>
    <rPh sb="12" eb="13">
      <t>オヨ</t>
    </rPh>
    <rPh sb="14" eb="16">
      <t>タイシン</t>
    </rPh>
    <rPh sb="16" eb="18">
      <t>ホキョウ</t>
    </rPh>
    <rPh sb="18" eb="20">
      <t>コウジ</t>
    </rPh>
    <rPh sb="21" eb="23">
      <t>デンキ</t>
    </rPh>
    <phoneticPr fontId="5"/>
  </si>
  <si>
    <t>平塚農商高校普通教棟他改修及び耐震補強工事（電気）</t>
  </si>
  <si>
    <t>茅ケ崎高校中館他改修及び耐震補強工事（電気）</t>
    <rPh sb="0" eb="3">
      <t>チガサキ</t>
    </rPh>
    <rPh sb="3" eb="5">
      <t>コウコウ</t>
    </rPh>
    <rPh sb="5" eb="6">
      <t>ナカ</t>
    </rPh>
    <rPh sb="6" eb="7">
      <t>カン</t>
    </rPh>
    <rPh sb="7" eb="8">
      <t>ホカ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デンキ</t>
    </rPh>
    <phoneticPr fontId="21"/>
  </si>
  <si>
    <t>山北高校Ｂ棟他改修及び耐震補強工事（電気）</t>
    <rPh sb="0" eb="2">
      <t>ヤマキタ</t>
    </rPh>
    <rPh sb="2" eb="4">
      <t>コウコウ</t>
    </rPh>
    <rPh sb="5" eb="6">
      <t>トウ</t>
    </rPh>
    <rPh sb="6" eb="7">
      <t>ホカ</t>
    </rPh>
    <rPh sb="7" eb="9">
      <t>カイシュウ</t>
    </rPh>
    <rPh sb="9" eb="10">
      <t>オヨ</t>
    </rPh>
    <rPh sb="11" eb="13">
      <t>タイシン</t>
    </rPh>
    <rPh sb="13" eb="15">
      <t>ホキョウ</t>
    </rPh>
    <rPh sb="15" eb="17">
      <t>コウジ</t>
    </rPh>
    <rPh sb="18" eb="20">
      <t>デンキ</t>
    </rPh>
    <phoneticPr fontId="21"/>
  </si>
  <si>
    <t>青少年センターホール天井等改修工事（建築）</t>
    <rPh sb="0" eb="3">
      <t>セイショウネン</t>
    </rPh>
    <rPh sb="10" eb="17">
      <t>テンジョウトウカイシュウコウジ</t>
    </rPh>
    <rPh sb="18" eb="20">
      <t>ケンチク</t>
    </rPh>
    <phoneticPr fontId="5"/>
  </si>
  <si>
    <t>相模原高校本館（A棟）他改修及び耐震補強工事（建築）</t>
    <rPh sb="0" eb="3">
      <t>サガミハラ</t>
    </rPh>
    <rPh sb="3" eb="5">
      <t>コウコウ</t>
    </rPh>
    <rPh sb="5" eb="7">
      <t>ホンカン</t>
    </rPh>
    <rPh sb="9" eb="10">
      <t>トウ</t>
    </rPh>
    <rPh sb="11" eb="14">
      <t>ホカカイシュウ</t>
    </rPh>
    <rPh sb="14" eb="15">
      <t>オヨ</t>
    </rPh>
    <rPh sb="16" eb="22">
      <t>タイシンホキョウコウジ</t>
    </rPh>
    <rPh sb="23" eb="25">
      <t>ケンチク</t>
    </rPh>
    <phoneticPr fontId="5"/>
  </si>
  <si>
    <t>平塚農商高校普通教棟他改修及び耐震補強工事（建築）</t>
    <rPh sb="22" eb="24">
      <t>ケンチク</t>
    </rPh>
    <phoneticPr fontId="5"/>
  </si>
  <si>
    <t>横浜翠嵐高校校舎（第2棟）他改修及び耐震補強工事（建築）</t>
    <rPh sb="0" eb="2">
      <t>ヨコハマ</t>
    </rPh>
    <rPh sb="2" eb="4">
      <t>スイラン</t>
    </rPh>
    <rPh sb="4" eb="6">
      <t>コウコウ</t>
    </rPh>
    <rPh sb="6" eb="8">
      <t>コウシャ</t>
    </rPh>
    <rPh sb="9" eb="10">
      <t>ダイ</t>
    </rPh>
    <rPh sb="11" eb="12">
      <t>トウ</t>
    </rPh>
    <rPh sb="13" eb="14">
      <t>ホカ</t>
    </rPh>
    <rPh sb="14" eb="16">
      <t>カイシュウ</t>
    </rPh>
    <rPh sb="16" eb="17">
      <t>オヨ</t>
    </rPh>
    <rPh sb="18" eb="20">
      <t>タイシン</t>
    </rPh>
    <rPh sb="20" eb="22">
      <t>ホキョウ</t>
    </rPh>
    <rPh sb="22" eb="24">
      <t>コウジ</t>
    </rPh>
    <rPh sb="25" eb="27">
      <t>ケンチク</t>
    </rPh>
    <phoneticPr fontId="5"/>
  </si>
  <si>
    <t>横浜翠嵐高校校舎(第2棟)他改修及び耐震補強工事(衛生)</t>
    <rPh sb="0" eb="2">
      <t>ヨコハマ</t>
    </rPh>
    <rPh sb="2" eb="4">
      <t>スイラン</t>
    </rPh>
    <rPh sb="4" eb="6">
      <t>コウコウ</t>
    </rPh>
    <rPh sb="6" eb="8">
      <t>コウシャ</t>
    </rPh>
    <rPh sb="9" eb="10">
      <t>ダイ</t>
    </rPh>
    <rPh sb="11" eb="12">
      <t>トウ</t>
    </rPh>
    <rPh sb="13" eb="14">
      <t>ホカ</t>
    </rPh>
    <rPh sb="14" eb="16">
      <t>カイシュウ</t>
    </rPh>
    <rPh sb="16" eb="17">
      <t>オヨ</t>
    </rPh>
    <rPh sb="18" eb="20">
      <t>タイシン</t>
    </rPh>
    <rPh sb="20" eb="22">
      <t>ホキョウ</t>
    </rPh>
    <rPh sb="22" eb="24">
      <t>コウジ</t>
    </rPh>
    <rPh sb="25" eb="27">
      <t>エイセイ</t>
    </rPh>
    <phoneticPr fontId="5"/>
  </si>
  <si>
    <t>平塚農商高校普通教棟他改修及び耐震補強工事(衛生)</t>
  </si>
  <si>
    <t>相模原高校本館（Ａ棟）他改修及び耐震補強工事（電気）</t>
  </si>
  <si>
    <t>青少年センターホール天井等改修工事（電気）</t>
    <rPh sb="0" eb="3">
      <t>セイショウネン</t>
    </rPh>
    <rPh sb="10" eb="12">
      <t>テンジョウ</t>
    </rPh>
    <rPh sb="12" eb="13">
      <t>トウ</t>
    </rPh>
    <rPh sb="13" eb="15">
      <t>カイシュウ</t>
    </rPh>
    <rPh sb="15" eb="17">
      <t>コウジ</t>
    </rPh>
    <rPh sb="18" eb="20">
      <t>デンキ</t>
    </rPh>
    <phoneticPr fontId="5"/>
  </si>
  <si>
    <t>青少年センターホール天井等改修工事（昇降機）</t>
    <rPh sb="0" eb="3">
      <t>セイショウネン</t>
    </rPh>
    <rPh sb="10" eb="12">
      <t>テンジョウ</t>
    </rPh>
    <rPh sb="12" eb="13">
      <t>トウ</t>
    </rPh>
    <rPh sb="13" eb="15">
      <t>カイシュウ</t>
    </rPh>
    <rPh sb="15" eb="17">
      <t>コウジ</t>
    </rPh>
    <rPh sb="18" eb="21">
      <t>ショウコウキ</t>
    </rPh>
    <phoneticPr fontId="5"/>
  </si>
  <si>
    <t>横浜翠嵐高校校舎（第２棟）他改修及び耐震補強工事（電気）</t>
    <rPh sb="0" eb="2">
      <t>ヨコハマ</t>
    </rPh>
    <rPh sb="2" eb="4">
      <t>スイラン</t>
    </rPh>
    <rPh sb="4" eb="6">
      <t>コウコウ</t>
    </rPh>
    <rPh sb="6" eb="8">
      <t>コウシャ</t>
    </rPh>
    <rPh sb="9" eb="10">
      <t>ダイ</t>
    </rPh>
    <rPh sb="11" eb="12">
      <t>トウ</t>
    </rPh>
    <rPh sb="13" eb="14">
      <t>ホカ</t>
    </rPh>
    <rPh sb="14" eb="16">
      <t>カイシュウ</t>
    </rPh>
    <rPh sb="16" eb="17">
      <t>オヨ</t>
    </rPh>
    <rPh sb="18" eb="20">
      <t>タイシン</t>
    </rPh>
    <rPh sb="20" eb="22">
      <t>ホキョウ</t>
    </rPh>
    <rPh sb="22" eb="24">
      <t>コウジ</t>
    </rPh>
    <rPh sb="25" eb="27">
      <t>デンキ</t>
    </rPh>
    <phoneticPr fontId="5"/>
  </si>
  <si>
    <t>緑警察署除却工事</t>
    <rPh sb="0" eb="8">
      <t>ミドリケイサツショジョキャクコウジ</t>
    </rPh>
    <phoneticPr fontId="5"/>
  </si>
  <si>
    <t>茅ケ崎西浜高校南館他改修及び耐震補強工事（建築）</t>
  </si>
  <si>
    <t>令和3年度　県営万騎ケ原団地ポケットパーク整備工事</t>
    <rPh sb="0" eb="2">
      <t>レイワ</t>
    </rPh>
    <rPh sb="3" eb="5">
      <t>ネンド</t>
    </rPh>
    <rPh sb="6" eb="8">
      <t>ケンエイ</t>
    </rPh>
    <rPh sb="8" eb="9">
      <t>マ</t>
    </rPh>
    <rPh sb="9" eb="10">
      <t>キ</t>
    </rPh>
    <rPh sb="11" eb="12">
      <t>ハラ</t>
    </rPh>
    <rPh sb="12" eb="14">
      <t>ダンチ</t>
    </rPh>
    <rPh sb="21" eb="23">
      <t>セイビ</t>
    </rPh>
    <rPh sb="23" eb="25">
      <t>コウジ</t>
    </rPh>
    <phoneticPr fontId="8"/>
  </si>
  <si>
    <t>茅ケ崎西浜高校南館他改修及び耐震補強工事（衛生）</t>
    <rPh sb="21" eb="23">
      <t>エイセイ</t>
    </rPh>
    <phoneticPr fontId="5"/>
  </si>
  <si>
    <t>海老名高校南棟改修及び耐震補強工事（建築）</t>
  </si>
  <si>
    <t>海老名高校北棟改修及び耐震補強工事（建築）</t>
  </si>
  <si>
    <t>川和高校体育館兼講堂改修及び耐震補強工事（ゼロ県債）</t>
    <rPh sb="0" eb="2">
      <t>カワワ</t>
    </rPh>
    <rPh sb="2" eb="4">
      <t>コウコウ</t>
    </rPh>
    <rPh sb="4" eb="7">
      <t>タイイクカン</t>
    </rPh>
    <rPh sb="7" eb="8">
      <t>ケン</t>
    </rPh>
    <rPh sb="8" eb="10">
      <t>コウドウ</t>
    </rPh>
    <rPh sb="10" eb="12">
      <t>カイシュウ</t>
    </rPh>
    <rPh sb="12" eb="13">
      <t>オヨ</t>
    </rPh>
    <rPh sb="14" eb="16">
      <t>タイシン</t>
    </rPh>
    <rPh sb="16" eb="18">
      <t>ホキョウ</t>
    </rPh>
    <rPh sb="18" eb="20">
      <t>コウジ</t>
    </rPh>
    <rPh sb="23" eb="24">
      <t>ケン</t>
    </rPh>
    <rPh sb="24" eb="25">
      <t>サイ</t>
    </rPh>
    <phoneticPr fontId="5"/>
  </si>
  <si>
    <t>横須賀工業高校建設科実習棟新築工事（建築）</t>
    <rPh sb="0" eb="3">
      <t>ヨコスカ</t>
    </rPh>
    <rPh sb="3" eb="5">
      <t>コウギョウ</t>
    </rPh>
    <rPh sb="5" eb="7">
      <t>コウコウ</t>
    </rPh>
    <rPh sb="7" eb="9">
      <t>ケンセツ</t>
    </rPh>
    <rPh sb="9" eb="10">
      <t>カ</t>
    </rPh>
    <rPh sb="10" eb="12">
      <t>ジッシュウ</t>
    </rPh>
    <rPh sb="12" eb="13">
      <t>トウ</t>
    </rPh>
    <rPh sb="13" eb="15">
      <t>シンチク</t>
    </rPh>
    <rPh sb="15" eb="17">
      <t>コウジ</t>
    </rPh>
    <rPh sb="18" eb="20">
      <t>ケンチク</t>
    </rPh>
    <phoneticPr fontId="5"/>
  </si>
  <si>
    <t>平塚養護学校空調設備改修工事</t>
  </si>
  <si>
    <t>海老名高校南棟他改修及び耐震補強工事（衛生）</t>
    <rPh sb="0" eb="8">
      <t>エビナコウコウミナミトウホカ</t>
    </rPh>
    <rPh sb="8" eb="10">
      <t>カイシュウ</t>
    </rPh>
    <rPh sb="10" eb="11">
      <t>オヨ</t>
    </rPh>
    <rPh sb="12" eb="14">
      <t>タイシン</t>
    </rPh>
    <rPh sb="14" eb="16">
      <t>ホキョウ</t>
    </rPh>
    <rPh sb="16" eb="18">
      <t>コウジ</t>
    </rPh>
    <rPh sb="19" eb="21">
      <t>エイセイ</t>
    </rPh>
    <phoneticPr fontId="5"/>
  </si>
  <si>
    <t>座間養護学校空調設備改修工事</t>
    <rPh sb="0" eb="2">
      <t>ザマ</t>
    </rPh>
    <rPh sb="2" eb="4">
      <t>ヨウゴ</t>
    </rPh>
    <rPh sb="4" eb="6">
      <t>ガッコウ</t>
    </rPh>
    <rPh sb="6" eb="8">
      <t>クウチョウ</t>
    </rPh>
    <rPh sb="8" eb="10">
      <t>セツビ</t>
    </rPh>
    <rPh sb="10" eb="12">
      <t>カイシュウ</t>
    </rPh>
    <rPh sb="12" eb="14">
      <t>コウジ</t>
    </rPh>
    <phoneticPr fontId="5"/>
  </si>
  <si>
    <t>横須賀工業高校建設科実習棟新築工事(空調)</t>
  </si>
  <si>
    <t>水産技術センター空調設備改修工事</t>
  </si>
  <si>
    <t>藤沢養護学校空調設備改修工事</t>
    <rPh sb="0" eb="2">
      <t>フジサワ</t>
    </rPh>
    <rPh sb="2" eb="4">
      <t>ヨウゴ</t>
    </rPh>
    <rPh sb="4" eb="6">
      <t>ガッコウ</t>
    </rPh>
    <rPh sb="6" eb="8">
      <t>クウチョウ</t>
    </rPh>
    <rPh sb="8" eb="10">
      <t>セツビ</t>
    </rPh>
    <rPh sb="10" eb="12">
      <t>カイシュウ</t>
    </rPh>
    <rPh sb="12" eb="14">
      <t>コウジ</t>
    </rPh>
    <phoneticPr fontId="5"/>
  </si>
  <si>
    <t>高津養護学校空調設備改修工事</t>
    <rPh sb="0" eb="4">
      <t>タカツヨウゴ</t>
    </rPh>
    <rPh sb="4" eb="6">
      <t>ガッコウ</t>
    </rPh>
    <rPh sb="6" eb="14">
      <t>クウチョウセツビカイシュウコウジ</t>
    </rPh>
    <phoneticPr fontId="5"/>
  </si>
  <si>
    <t>横須賀工業高校建設科実習棟新築工事（電気）</t>
  </si>
  <si>
    <t>海老名高校南棟他改修及び耐震補強工事(電気)</t>
    <rPh sb="0" eb="7">
      <t>エビナコウコウミナミトウ</t>
    </rPh>
    <rPh sb="7" eb="8">
      <t>ホカ</t>
    </rPh>
    <rPh sb="8" eb="11">
      <t>カイシュウオヨ</t>
    </rPh>
    <rPh sb="12" eb="18">
      <t>タイシンホキョウコウジ</t>
    </rPh>
    <rPh sb="19" eb="21">
      <t>デンキ</t>
    </rPh>
    <phoneticPr fontId="5"/>
  </si>
  <si>
    <t>神奈川県戦没者慰霊堂附属会館外壁及び屋上防水改修工事</t>
    <rPh sb="0" eb="4">
      <t>カナガワケン</t>
    </rPh>
    <rPh sb="4" eb="7">
      <t>センボツシャ</t>
    </rPh>
    <rPh sb="7" eb="9">
      <t>イレイ</t>
    </rPh>
    <rPh sb="9" eb="10">
      <t>ドウ</t>
    </rPh>
    <rPh sb="10" eb="17">
      <t>フゾクカイカンガイヘキオヨ</t>
    </rPh>
    <rPh sb="18" eb="24">
      <t>オクジョウボウスイカイシュウ</t>
    </rPh>
    <rPh sb="24" eb="26">
      <t>コウジ</t>
    </rPh>
    <phoneticPr fontId="5"/>
  </si>
  <si>
    <t>青少年センター防水改修工事</t>
    <rPh sb="0" eb="3">
      <t>セイショウネン</t>
    </rPh>
    <rPh sb="7" eb="9">
      <t>ボウスイ</t>
    </rPh>
    <rPh sb="9" eb="11">
      <t>カイシュウ</t>
    </rPh>
    <rPh sb="11" eb="13">
      <t>コウジ</t>
    </rPh>
    <phoneticPr fontId="5"/>
  </si>
  <si>
    <t>厚木精華園屋上防水改修工事</t>
    <rPh sb="0" eb="13">
      <t>アツギセイカエンオクジョウボウスイカイシュウコウジ</t>
    </rPh>
    <phoneticPr fontId="5"/>
  </si>
  <si>
    <t>荏田高校体育館改修及び耐震補強工事</t>
    <rPh sb="0" eb="2">
      <t>エダ</t>
    </rPh>
    <rPh sb="2" eb="4">
      <t>コウコウ</t>
    </rPh>
    <rPh sb="4" eb="10">
      <t>タイイクカンカイシュウオヨ</t>
    </rPh>
    <rPh sb="11" eb="17">
      <t>タイシンホキョウコウジ</t>
    </rPh>
    <phoneticPr fontId="5"/>
  </si>
  <si>
    <t>農業技術センター三浦半島地区事務所改修及び耐震補強工事</t>
    <rPh sb="0" eb="4">
      <t>ノウギョウギジュツ</t>
    </rPh>
    <rPh sb="8" eb="17">
      <t>ミウラハントウチクジムショ</t>
    </rPh>
    <rPh sb="17" eb="20">
      <t>カイシュウオヨ</t>
    </rPh>
    <rPh sb="21" eb="27">
      <t>タイシンホキョウコウジ</t>
    </rPh>
    <phoneticPr fontId="5"/>
  </si>
  <si>
    <t>平塚ふじみ園作業訓練棟他外壁等改修工事</t>
    <rPh sb="0" eb="2">
      <t>ヒラツカ</t>
    </rPh>
    <rPh sb="5" eb="6">
      <t>エン</t>
    </rPh>
    <rPh sb="6" eb="8">
      <t>サギョウ</t>
    </rPh>
    <rPh sb="8" eb="10">
      <t>クンレン</t>
    </rPh>
    <rPh sb="10" eb="11">
      <t>トウ</t>
    </rPh>
    <rPh sb="11" eb="12">
      <t>ホカ</t>
    </rPh>
    <rPh sb="12" eb="14">
      <t>ガイヘキ</t>
    </rPh>
    <rPh sb="14" eb="15">
      <t>トウ</t>
    </rPh>
    <rPh sb="15" eb="17">
      <t>カイシュウ</t>
    </rPh>
    <rPh sb="17" eb="19">
      <t>コウジ</t>
    </rPh>
    <phoneticPr fontId="5"/>
  </si>
  <si>
    <t>相模湖漕艇場障がい者用シャワー室改修工事</t>
    <rPh sb="0" eb="7">
      <t>サガミコソウテイジョウショウ</t>
    </rPh>
    <rPh sb="16" eb="18">
      <t>カイシュウ</t>
    </rPh>
    <rPh sb="18" eb="20">
      <t>コウジ</t>
    </rPh>
    <phoneticPr fontId="5"/>
  </si>
  <si>
    <t>農業技術センター足柄地区事務所根府川分室耐震補強工事</t>
    <rPh sb="0" eb="2">
      <t>ノウギョウ</t>
    </rPh>
    <rPh sb="2" eb="4">
      <t>ギジュツ</t>
    </rPh>
    <rPh sb="8" eb="10">
      <t>アシガラ</t>
    </rPh>
    <rPh sb="10" eb="12">
      <t>チク</t>
    </rPh>
    <rPh sb="12" eb="14">
      <t>ジム</t>
    </rPh>
    <rPh sb="14" eb="15">
      <t>ショ</t>
    </rPh>
    <rPh sb="15" eb="18">
      <t>ネブカワ</t>
    </rPh>
    <rPh sb="18" eb="20">
      <t>ブンシツ</t>
    </rPh>
    <rPh sb="20" eb="22">
      <t>タイシン</t>
    </rPh>
    <rPh sb="22" eb="24">
      <t>ホキョウ</t>
    </rPh>
    <rPh sb="24" eb="26">
      <t>コウジ</t>
    </rPh>
    <phoneticPr fontId="14"/>
  </si>
  <si>
    <t>小田原城北工業高校実験実習（D）棟他改修及び耐震補強工事（建築）</t>
    <rPh sb="0" eb="3">
      <t>オダワラ</t>
    </rPh>
    <rPh sb="3" eb="4">
      <t>ジョウ</t>
    </rPh>
    <rPh sb="4" eb="5">
      <t>ホク</t>
    </rPh>
    <rPh sb="5" eb="7">
      <t>コウギョウ</t>
    </rPh>
    <rPh sb="7" eb="9">
      <t>コウコウ</t>
    </rPh>
    <rPh sb="9" eb="11">
      <t>ジッケン</t>
    </rPh>
    <rPh sb="11" eb="13">
      <t>ジッシュウ</t>
    </rPh>
    <rPh sb="16" eb="17">
      <t>トウ</t>
    </rPh>
    <rPh sb="17" eb="18">
      <t>ホカ</t>
    </rPh>
    <rPh sb="18" eb="20">
      <t>カイシュウ</t>
    </rPh>
    <rPh sb="20" eb="21">
      <t>オヨ</t>
    </rPh>
    <rPh sb="22" eb="24">
      <t>タイシン</t>
    </rPh>
    <rPh sb="24" eb="26">
      <t>ホキョウ</t>
    </rPh>
    <rPh sb="26" eb="28">
      <t>コウジ</t>
    </rPh>
    <rPh sb="29" eb="31">
      <t>ケンチク</t>
    </rPh>
    <phoneticPr fontId="5"/>
  </si>
  <si>
    <t>横浜旭陵高校体育館（柔剣道場）改修及び耐震補強工事（ゼロ県債）</t>
    <rPh sb="0" eb="4">
      <t>ヨコハマキョクリョウ</t>
    </rPh>
    <rPh sb="4" eb="6">
      <t>コウコウ</t>
    </rPh>
    <rPh sb="6" eb="9">
      <t>タイイクカン</t>
    </rPh>
    <rPh sb="10" eb="14">
      <t>ジュウケンドウジョウ</t>
    </rPh>
    <rPh sb="15" eb="18">
      <t>カイシュウオヨ</t>
    </rPh>
    <rPh sb="19" eb="25">
      <t>タイシンホキョウコウジ</t>
    </rPh>
    <rPh sb="28" eb="30">
      <t>ケンサイ</t>
    </rPh>
    <phoneticPr fontId="5"/>
  </si>
  <si>
    <t>川崎北高校A棟改修及び耐震補強工事（建築）（ゼロ県債）</t>
  </si>
  <si>
    <t>秦野高校第2棟（校舎棟）他改修及び耐震補強工事（建築）</t>
    <rPh sb="0" eb="2">
      <t>ハダノ</t>
    </rPh>
    <rPh sb="2" eb="4">
      <t>コウコウ</t>
    </rPh>
    <rPh sb="4" eb="5">
      <t>ダイ</t>
    </rPh>
    <rPh sb="6" eb="7">
      <t>トウ</t>
    </rPh>
    <rPh sb="8" eb="10">
      <t>コウシャ</t>
    </rPh>
    <rPh sb="10" eb="11">
      <t>トウ</t>
    </rPh>
    <rPh sb="12" eb="13">
      <t>ホカ</t>
    </rPh>
    <rPh sb="13" eb="15">
      <t>カイシュウ</t>
    </rPh>
    <rPh sb="15" eb="16">
      <t>オヨ</t>
    </rPh>
    <rPh sb="17" eb="19">
      <t>タイシン</t>
    </rPh>
    <rPh sb="19" eb="21">
      <t>ホキョウ</t>
    </rPh>
    <rPh sb="21" eb="23">
      <t>コウジ</t>
    </rPh>
    <rPh sb="24" eb="26">
      <t>ケンチク</t>
    </rPh>
    <phoneticPr fontId="5"/>
  </si>
  <si>
    <t>環境科学センター屋上防水改修工事</t>
    <rPh sb="0" eb="2">
      <t>カンキョウ</t>
    </rPh>
    <rPh sb="2" eb="4">
      <t>カガク</t>
    </rPh>
    <rPh sb="8" eb="16">
      <t>オクジョウボウスイカイシュウコウジ</t>
    </rPh>
    <phoneticPr fontId="5"/>
  </si>
  <si>
    <t>川崎北高校Ａ棟改修及び耐震補強工事(電気)(ゼロ県債)</t>
    <rPh sb="0" eb="2">
      <t>カワサキ</t>
    </rPh>
    <rPh sb="2" eb="3">
      <t>キタ</t>
    </rPh>
    <rPh sb="3" eb="5">
      <t>コウコウ</t>
    </rPh>
    <rPh sb="6" eb="7">
      <t>トウ</t>
    </rPh>
    <rPh sb="7" eb="9">
      <t>カイシュウ</t>
    </rPh>
    <rPh sb="9" eb="10">
      <t>オヨ</t>
    </rPh>
    <rPh sb="11" eb="17">
      <t>タイシンホキョウコウジ</t>
    </rPh>
    <rPh sb="18" eb="20">
      <t>デンキ</t>
    </rPh>
    <rPh sb="24" eb="26">
      <t>ケンサイ</t>
    </rPh>
    <phoneticPr fontId="5"/>
  </si>
  <si>
    <t>秦野高校第2棟（校舎棟）他改修及び耐震補強工事（電気）</t>
    <rPh sb="0" eb="2">
      <t>ハダノ</t>
    </rPh>
    <rPh sb="2" eb="4">
      <t>コウコウ</t>
    </rPh>
    <rPh sb="4" eb="5">
      <t>ダイ</t>
    </rPh>
    <rPh sb="6" eb="7">
      <t>トウ</t>
    </rPh>
    <rPh sb="8" eb="10">
      <t>コウシャ</t>
    </rPh>
    <rPh sb="10" eb="11">
      <t>トウ</t>
    </rPh>
    <rPh sb="12" eb="13">
      <t>ホカ</t>
    </rPh>
    <rPh sb="13" eb="16">
      <t>カイシュウオヨ</t>
    </rPh>
    <rPh sb="17" eb="23">
      <t>タイシンホキョウコウジ</t>
    </rPh>
    <rPh sb="24" eb="26">
      <t>デンキ</t>
    </rPh>
    <phoneticPr fontId="1"/>
  </si>
  <si>
    <t>おおいそ学園空調設備改修工事</t>
    <rPh sb="4" eb="6">
      <t>ガクエン</t>
    </rPh>
    <rPh sb="6" eb="8">
      <t>クウチョウ</t>
    </rPh>
    <rPh sb="8" eb="10">
      <t>セツビ</t>
    </rPh>
    <rPh sb="10" eb="12">
      <t>カイシュウ</t>
    </rPh>
    <rPh sb="12" eb="14">
      <t>コウジ</t>
    </rPh>
    <phoneticPr fontId="1"/>
  </si>
  <si>
    <t>宮ケ瀬やまなみセンター本館・エレベーター改修工事</t>
    <rPh sb="0" eb="3">
      <t>ミヤガセ</t>
    </rPh>
    <rPh sb="11" eb="13">
      <t>ホンカン</t>
    </rPh>
    <rPh sb="20" eb="22">
      <t>カイシュウ</t>
    </rPh>
    <rPh sb="22" eb="24">
      <t>コウジ</t>
    </rPh>
    <phoneticPr fontId="5"/>
  </si>
  <si>
    <t>小田原城北工業高校実験実習（Ｄ）棟他改修及び耐震補強工事(電気)</t>
    <rPh sb="0" eb="7">
      <t>オダワラジョウホクコウギョウ</t>
    </rPh>
    <rPh sb="7" eb="9">
      <t>コウコウ</t>
    </rPh>
    <rPh sb="9" eb="13">
      <t>ジッケンジッシュウ</t>
    </rPh>
    <rPh sb="16" eb="17">
      <t>トウ</t>
    </rPh>
    <rPh sb="17" eb="18">
      <t>ホカ</t>
    </rPh>
    <rPh sb="18" eb="21">
      <t>カイシュウオヨ</t>
    </rPh>
    <rPh sb="22" eb="28">
      <t>タイシンホキョウコウジ</t>
    </rPh>
    <rPh sb="29" eb="31">
      <t>デンキ</t>
    </rPh>
    <phoneticPr fontId="5"/>
  </si>
  <si>
    <t>かながわ県民センター直流電源装置及び蓄電池更新工事</t>
    <rPh sb="4" eb="6">
      <t>ケンミン</t>
    </rPh>
    <rPh sb="10" eb="12">
      <t>チョクリュウ</t>
    </rPh>
    <rPh sb="12" eb="14">
      <t>デンゲン</t>
    </rPh>
    <rPh sb="14" eb="16">
      <t>ソウチ</t>
    </rPh>
    <rPh sb="16" eb="17">
      <t>オヨ</t>
    </rPh>
    <rPh sb="18" eb="21">
      <t>チクデンチ</t>
    </rPh>
    <rPh sb="21" eb="23">
      <t>コウシン</t>
    </rPh>
    <rPh sb="23" eb="25">
      <t>コウジ</t>
    </rPh>
    <phoneticPr fontId="5"/>
  </si>
  <si>
    <t>小田原城北工業高校実験実習（D）棟他改修及び耐震補強工事(衛生)</t>
    <rPh sb="0" eb="7">
      <t>オダワラジョウホクコウギョウ</t>
    </rPh>
    <rPh sb="9" eb="13">
      <t>ジッケンジッシュウ</t>
    </rPh>
    <rPh sb="29" eb="31">
      <t>エイセイ</t>
    </rPh>
    <phoneticPr fontId="5"/>
  </si>
  <si>
    <t>ライトセンター空調設備改修工事</t>
    <rPh sb="7" eb="15">
      <t>クウチョウセツビカイシュウコウジ</t>
    </rPh>
    <phoneticPr fontId="5"/>
  </si>
  <si>
    <t>川崎北高校Ａ棟改修及び耐震補強工事（衛生）（ゼロ県債）</t>
  </si>
  <si>
    <t>秦野高校第２棟（校舎棟）他改修及び耐震補強工事（衛生）</t>
  </si>
  <si>
    <t>県営伊勢原峰岸団地解体除却工事（１期）</t>
  </si>
  <si>
    <t>令和４年度　県営鶴ケ峰団地造成工事(道路）</t>
    <rPh sb="0" eb="2">
      <t>レイワ</t>
    </rPh>
    <rPh sb="3" eb="5">
      <t>ネンド</t>
    </rPh>
    <rPh sb="6" eb="8">
      <t>ケンエイ</t>
    </rPh>
    <rPh sb="8" eb="11">
      <t>ツルガミネ</t>
    </rPh>
    <rPh sb="11" eb="13">
      <t>ダンチ</t>
    </rPh>
    <rPh sb="13" eb="15">
      <t>ゾウセイ</t>
    </rPh>
    <rPh sb="15" eb="17">
      <t>コウジ</t>
    </rPh>
    <rPh sb="18" eb="20">
      <t>ドウロ</t>
    </rPh>
    <phoneticPr fontId="8"/>
  </si>
  <si>
    <t>県営万騎ケ原団地公営住宅電気設備工事(4期)</t>
  </si>
  <si>
    <t>県営万騎ケ原団地公営住宅昇降機設備工事(4期)</t>
  </si>
  <si>
    <t>県営万騎ケ原団地公営住宅給排水設備工事(4期)</t>
    <rPh sb="12" eb="15">
      <t>キュウハイスイ</t>
    </rPh>
    <phoneticPr fontId="8"/>
  </si>
  <si>
    <t>県営いちょう下和田団地解体除却工事</t>
    <rPh sb="0" eb="2">
      <t>ケンエイ</t>
    </rPh>
    <rPh sb="6" eb="9">
      <t>シモワダ</t>
    </rPh>
    <rPh sb="9" eb="11">
      <t>ダンチ</t>
    </rPh>
    <rPh sb="11" eb="13">
      <t>カイタイ</t>
    </rPh>
    <rPh sb="13" eb="15">
      <t>ジョキャク</t>
    </rPh>
    <rPh sb="15" eb="17">
      <t>コウジ</t>
    </rPh>
    <phoneticPr fontId="8"/>
  </si>
  <si>
    <t>県営万騎ケ原団地公営住宅新築工事(４期)</t>
    <rPh sb="0" eb="2">
      <t>ケンエイ</t>
    </rPh>
    <rPh sb="2" eb="4">
      <t>マキ</t>
    </rPh>
    <rPh sb="5" eb="6">
      <t>ハラ</t>
    </rPh>
    <rPh sb="6" eb="8">
      <t>ダンチ</t>
    </rPh>
    <rPh sb="8" eb="10">
      <t>コウエイ</t>
    </rPh>
    <rPh sb="10" eb="12">
      <t>ジュウタク</t>
    </rPh>
    <rPh sb="12" eb="14">
      <t>シンチク</t>
    </rPh>
    <rPh sb="14" eb="16">
      <t>コウジ</t>
    </rPh>
    <rPh sb="18" eb="19">
      <t>キ</t>
    </rPh>
    <phoneticPr fontId="8"/>
  </si>
  <si>
    <t>県営万騎ケ原団地公営住宅植栽工事(４期)</t>
    <rPh sb="0" eb="2">
      <t>ケンエイ</t>
    </rPh>
    <rPh sb="2" eb="4">
      <t>マキ</t>
    </rPh>
    <rPh sb="5" eb="6">
      <t>ハラ</t>
    </rPh>
    <rPh sb="6" eb="8">
      <t>ダンチ</t>
    </rPh>
    <rPh sb="8" eb="10">
      <t>コウエイ</t>
    </rPh>
    <rPh sb="10" eb="12">
      <t>ジュウタク</t>
    </rPh>
    <rPh sb="12" eb="14">
      <t>ショクサイ</t>
    </rPh>
    <rPh sb="14" eb="16">
      <t>コウジ</t>
    </rPh>
    <rPh sb="18" eb="19">
      <t>キ</t>
    </rPh>
    <phoneticPr fontId="8"/>
  </si>
  <si>
    <t>県営綾瀬寺尾団地解体除却工事（１期）</t>
    <rPh sb="0" eb="2">
      <t>ケンエイ</t>
    </rPh>
    <rPh sb="2" eb="4">
      <t>アヤセ</t>
    </rPh>
    <rPh sb="4" eb="6">
      <t>テラオ</t>
    </rPh>
    <rPh sb="6" eb="8">
      <t>ダンチ</t>
    </rPh>
    <rPh sb="8" eb="10">
      <t>カイタイ</t>
    </rPh>
    <rPh sb="10" eb="12">
      <t>ジョキャク</t>
    </rPh>
    <rPh sb="12" eb="14">
      <t>コウジ</t>
    </rPh>
    <rPh sb="16" eb="17">
      <t>キ</t>
    </rPh>
    <phoneticPr fontId="8"/>
  </si>
  <si>
    <t>毘沙門</t>
    <rPh sb="0" eb="3">
      <t>ビシャモン</t>
    </rPh>
    <phoneticPr fontId="0"/>
  </si>
  <si>
    <t>県道２１７号（逗子葉山横須賀）</t>
    <rPh sb="0" eb="2">
      <t>ケンドウ</t>
    </rPh>
    <rPh sb="5" eb="6">
      <t>ゴウ</t>
    </rPh>
    <rPh sb="7" eb="9">
      <t>ズシ</t>
    </rPh>
    <rPh sb="9" eb="11">
      <t>ハヤマ</t>
    </rPh>
    <rPh sb="11" eb="14">
      <t>ヨコスカ</t>
    </rPh>
    <phoneticPr fontId="0"/>
  </si>
  <si>
    <t>県道２０８号（浦賀港）</t>
    <rPh sb="0" eb="2">
      <t>ケンドウ</t>
    </rPh>
    <rPh sb="5" eb="6">
      <t>ゴウ</t>
    </rPh>
    <rPh sb="7" eb="9">
      <t>ウラガ</t>
    </rPh>
    <rPh sb="9" eb="10">
      <t>コウ</t>
    </rPh>
    <phoneticPr fontId="27"/>
  </si>
  <si>
    <t>国道１３４号</t>
    <rPh sb="0" eb="2">
      <t>コクドウ</t>
    </rPh>
    <rPh sb="5" eb="6">
      <t>ゴウ</t>
    </rPh>
    <phoneticPr fontId="25"/>
  </si>
  <si>
    <t>県道３１１号（鎌倉葉山）　他</t>
    <rPh sb="0" eb="2">
      <t>ケンドウ</t>
    </rPh>
    <rPh sb="5" eb="6">
      <t>ゴウ</t>
    </rPh>
    <rPh sb="7" eb="9">
      <t>カマクラ</t>
    </rPh>
    <rPh sb="9" eb="11">
      <t>ハヤマ</t>
    </rPh>
    <rPh sb="13" eb="14">
      <t>ホカ</t>
    </rPh>
    <phoneticPr fontId="25"/>
  </si>
  <si>
    <t>二級河川平作川</t>
    <rPh sb="0" eb="2">
      <t>ニキュウ</t>
    </rPh>
    <rPh sb="2" eb="4">
      <t>カセン</t>
    </rPh>
    <rPh sb="4" eb="6">
      <t>ヒラサク</t>
    </rPh>
    <rPh sb="6" eb="7">
      <t>ガワ</t>
    </rPh>
    <phoneticPr fontId="25"/>
  </si>
  <si>
    <t>二級河川田越川　他</t>
    <rPh sb="0" eb="2">
      <t>ニキュウ</t>
    </rPh>
    <rPh sb="2" eb="4">
      <t>カセン</t>
    </rPh>
    <rPh sb="4" eb="5">
      <t>タ</t>
    </rPh>
    <rPh sb="5" eb="6">
      <t>ゴ</t>
    </rPh>
    <rPh sb="6" eb="7">
      <t>カワ</t>
    </rPh>
    <rPh sb="8" eb="9">
      <t>ホカ</t>
    </rPh>
    <phoneticPr fontId="25"/>
  </si>
  <si>
    <t>野比３丁目Ａ</t>
    <rPh sb="0" eb="2">
      <t>ノビ</t>
    </rPh>
    <rPh sb="3" eb="5">
      <t>チョウメ</t>
    </rPh>
    <phoneticPr fontId="25"/>
  </si>
  <si>
    <t>武４丁目Ａ</t>
    <rPh sb="0" eb="1">
      <t>タケ</t>
    </rPh>
    <rPh sb="2" eb="4">
      <t>チョウメ</t>
    </rPh>
    <phoneticPr fontId="25"/>
  </si>
  <si>
    <t>県道２１５号（上宮田金田三崎港）</t>
    <rPh sb="0" eb="2">
      <t>ケンドウ</t>
    </rPh>
    <rPh sb="5" eb="6">
      <t>ゴウ</t>
    </rPh>
    <rPh sb="7" eb="9">
      <t>カミミヤ</t>
    </rPh>
    <rPh sb="9" eb="10">
      <t>タ</t>
    </rPh>
    <rPh sb="10" eb="12">
      <t>カネダ</t>
    </rPh>
    <rPh sb="12" eb="14">
      <t>ミサキ</t>
    </rPh>
    <rPh sb="14" eb="15">
      <t>コウ</t>
    </rPh>
    <phoneticPr fontId="20"/>
  </si>
  <si>
    <t>県道２６号（横須賀三崎）</t>
    <rPh sb="0" eb="2">
      <t>ケンドウ</t>
    </rPh>
    <rPh sb="4" eb="5">
      <t>ゴウ</t>
    </rPh>
    <rPh sb="6" eb="11">
      <t>ヨコスカミサキ</t>
    </rPh>
    <phoneticPr fontId="20"/>
  </si>
  <si>
    <t>県道２１２号（久里浜港）</t>
    <rPh sb="7" eb="10">
      <t>クリハマ</t>
    </rPh>
    <rPh sb="10" eb="11">
      <t>ミナト</t>
    </rPh>
    <phoneticPr fontId="20"/>
  </si>
  <si>
    <t>県道２７号（横須賀葉山）</t>
    <rPh sb="0" eb="2">
      <t>ケンドウ</t>
    </rPh>
    <rPh sb="4" eb="5">
      <t>ゴウ</t>
    </rPh>
    <rPh sb="6" eb="9">
      <t>ヨコスカ</t>
    </rPh>
    <rPh sb="9" eb="11">
      <t>ハヤマ</t>
    </rPh>
    <phoneticPr fontId="24"/>
  </si>
  <si>
    <t>県道２６号（横須賀三崎）</t>
    <rPh sb="0" eb="2">
      <t>ケンドウ</t>
    </rPh>
    <rPh sb="4" eb="5">
      <t>ゴウ</t>
    </rPh>
    <rPh sb="6" eb="9">
      <t>ヨコスカ</t>
    </rPh>
    <rPh sb="9" eb="11">
      <t>ミサキ</t>
    </rPh>
    <phoneticPr fontId="24"/>
  </si>
  <si>
    <t>県道２０８号（浦賀港）</t>
    <rPh sb="7" eb="9">
      <t>ウラガ</t>
    </rPh>
    <rPh sb="9" eb="10">
      <t>コウ</t>
    </rPh>
    <phoneticPr fontId="20"/>
  </si>
  <si>
    <t>県道２０７号（森戸海岸）</t>
    <rPh sb="0" eb="2">
      <t>ケンドウ</t>
    </rPh>
    <rPh sb="5" eb="6">
      <t>ゴウ</t>
    </rPh>
    <rPh sb="7" eb="9">
      <t>モリト</t>
    </rPh>
    <rPh sb="9" eb="11">
      <t>カイガン</t>
    </rPh>
    <phoneticPr fontId="13"/>
  </si>
  <si>
    <t>県道２０５号（金沢逗子）</t>
    <rPh sb="0" eb="2">
      <t>ケンドウ</t>
    </rPh>
    <rPh sb="5" eb="6">
      <t>ゴウ</t>
    </rPh>
    <rPh sb="7" eb="9">
      <t>カナザワ</t>
    </rPh>
    <rPh sb="9" eb="11">
      <t>ズシ</t>
    </rPh>
    <phoneticPr fontId="20"/>
  </si>
  <si>
    <t>横須賀海岸</t>
    <rPh sb="0" eb="3">
      <t>ヨコスカ</t>
    </rPh>
    <rPh sb="3" eb="5">
      <t>カイガン</t>
    </rPh>
    <phoneticPr fontId="20"/>
  </si>
  <si>
    <t>県道２１７号（逗子葉山横須賀）</t>
    <rPh sb="0" eb="2">
      <t>ケンドウ</t>
    </rPh>
    <rPh sb="5" eb="6">
      <t>ゴウ</t>
    </rPh>
    <rPh sb="7" eb="9">
      <t>ズシ</t>
    </rPh>
    <rPh sb="9" eb="11">
      <t>ハヤマ</t>
    </rPh>
    <rPh sb="11" eb="14">
      <t>ヨコスカ</t>
    </rPh>
    <phoneticPr fontId="22"/>
  </si>
  <si>
    <t>県道３１１号（鎌倉葉山）</t>
    <rPh sb="0" eb="2">
      <t>ケンドウ</t>
    </rPh>
    <rPh sb="5" eb="6">
      <t>ゴウ</t>
    </rPh>
    <rPh sb="7" eb="9">
      <t>カマクラ</t>
    </rPh>
    <rPh sb="9" eb="11">
      <t>ハヤマ</t>
    </rPh>
    <phoneticPr fontId="22"/>
  </si>
  <si>
    <t>国道１３４号</t>
    <rPh sb="0" eb="2">
      <t>コクドウ</t>
    </rPh>
    <rPh sb="5" eb="6">
      <t>ゴウ</t>
    </rPh>
    <phoneticPr fontId="22"/>
  </si>
  <si>
    <t>都市計画道路　安浦下浦線</t>
    <rPh sb="0" eb="2">
      <t>トシ</t>
    </rPh>
    <rPh sb="2" eb="4">
      <t>ケイカク</t>
    </rPh>
    <rPh sb="4" eb="6">
      <t>ドウロ</t>
    </rPh>
    <rPh sb="7" eb="9">
      <t>ヤスウラ</t>
    </rPh>
    <rPh sb="9" eb="10">
      <t>シタ</t>
    </rPh>
    <rPh sb="10" eb="11">
      <t>ウラ</t>
    </rPh>
    <rPh sb="11" eb="12">
      <t>セン</t>
    </rPh>
    <phoneticPr fontId="22"/>
  </si>
  <si>
    <t>二級河川　田越川</t>
    <rPh sb="0" eb="2">
      <t>ニキュウ</t>
    </rPh>
    <rPh sb="2" eb="4">
      <t>カセン</t>
    </rPh>
    <rPh sb="5" eb="6">
      <t>タ</t>
    </rPh>
    <rPh sb="6" eb="7">
      <t>ゴ</t>
    </rPh>
    <rPh sb="7" eb="8">
      <t>カワ</t>
    </rPh>
    <phoneticPr fontId="22"/>
  </si>
  <si>
    <t>県立観音崎公園</t>
    <rPh sb="0" eb="2">
      <t>ケンリツ</t>
    </rPh>
    <rPh sb="2" eb="5">
      <t>カンノンザキ</t>
    </rPh>
    <rPh sb="5" eb="7">
      <t>コウエン</t>
    </rPh>
    <phoneticPr fontId="26"/>
  </si>
  <si>
    <t>葉山海岸　他</t>
    <rPh sb="0" eb="2">
      <t>ハヤマ</t>
    </rPh>
    <rPh sb="2" eb="4">
      <t>カイガン</t>
    </rPh>
    <rPh sb="5" eb="6">
      <t>ホカ</t>
    </rPh>
    <phoneticPr fontId="26"/>
  </si>
  <si>
    <t>砂防指定地　下山川</t>
    <rPh sb="0" eb="2">
      <t>サボウ</t>
    </rPh>
    <rPh sb="2" eb="5">
      <t>シテイチ</t>
    </rPh>
    <rPh sb="6" eb="8">
      <t>シモヤマ</t>
    </rPh>
    <rPh sb="8" eb="9">
      <t>ガワ</t>
    </rPh>
    <phoneticPr fontId="26"/>
  </si>
  <si>
    <t>二級河川　下山川</t>
    <rPh sb="0" eb="2">
      <t>ニキュウ</t>
    </rPh>
    <rPh sb="2" eb="4">
      <t>カセン</t>
    </rPh>
    <rPh sb="5" eb="7">
      <t>シモヤマ</t>
    </rPh>
    <rPh sb="7" eb="8">
      <t>ガワ</t>
    </rPh>
    <phoneticPr fontId="26"/>
  </si>
  <si>
    <t>浦賀町３丁目Ａ</t>
    <rPh sb="0" eb="2">
      <t>ウラガ</t>
    </rPh>
    <rPh sb="2" eb="3">
      <t>チョウ</t>
    </rPh>
    <rPh sb="4" eb="6">
      <t>チョウメ</t>
    </rPh>
    <phoneticPr fontId="26"/>
  </si>
  <si>
    <t>佐野町Ｃ</t>
    <rPh sb="0" eb="3">
      <t>サノチョウ</t>
    </rPh>
    <phoneticPr fontId="26"/>
  </si>
  <si>
    <t>長井１丁目Ａ</t>
    <rPh sb="0" eb="2">
      <t>ナガイ</t>
    </rPh>
    <rPh sb="3" eb="5">
      <t>チョウメ</t>
    </rPh>
    <phoneticPr fontId="0"/>
  </si>
  <si>
    <t>大滝町</t>
    <rPh sb="0" eb="2">
      <t>オオタキ</t>
    </rPh>
    <rPh sb="2" eb="3">
      <t>チョウ</t>
    </rPh>
    <phoneticPr fontId="0"/>
  </si>
  <si>
    <t>県道２０８号（浦賀港）</t>
    <rPh sb="0" eb="2">
      <t>ケンドウ</t>
    </rPh>
    <rPh sb="5" eb="6">
      <t>ゴウ</t>
    </rPh>
    <rPh sb="7" eb="9">
      <t>ウラガ</t>
    </rPh>
    <rPh sb="9" eb="10">
      <t>コウ</t>
    </rPh>
    <phoneticPr fontId="0"/>
  </si>
  <si>
    <t>追浜町２丁目Ｂ</t>
    <rPh sb="0" eb="2">
      <t>オッパマ</t>
    </rPh>
    <rPh sb="2" eb="3">
      <t>マチ</t>
    </rPh>
    <rPh sb="4" eb="6">
      <t>チョウメ</t>
    </rPh>
    <phoneticPr fontId="16"/>
  </si>
  <si>
    <t>国道１３４号</t>
    <rPh sb="0" eb="2">
      <t>コクドウ</t>
    </rPh>
    <rPh sb="5" eb="6">
      <t>ゴウ</t>
    </rPh>
    <phoneticPr fontId="0"/>
  </si>
  <si>
    <t>県道２６号
（横須賀三崎）</t>
  </si>
  <si>
    <t>県道２１１号（久里浜港久里浜停車場）</t>
    <rPh sb="0" eb="2">
      <t>ケンドウ</t>
    </rPh>
    <rPh sb="5" eb="6">
      <t>ゴウ</t>
    </rPh>
    <rPh sb="7" eb="10">
      <t>クリハマ</t>
    </rPh>
    <rPh sb="10" eb="11">
      <t>コウ</t>
    </rPh>
    <rPh sb="11" eb="14">
      <t>クリハマ</t>
    </rPh>
    <rPh sb="14" eb="17">
      <t>テイシャジョウ</t>
    </rPh>
    <phoneticPr fontId="0"/>
  </si>
  <si>
    <t>県道２４号（横須賀逗子）</t>
    <rPh sb="0" eb="2">
      <t>ケンドウ</t>
    </rPh>
    <rPh sb="4" eb="5">
      <t>ゴウ</t>
    </rPh>
    <rPh sb="6" eb="9">
      <t>ヨコスカ</t>
    </rPh>
    <rPh sb="9" eb="11">
      <t>ズシ</t>
    </rPh>
    <phoneticPr fontId="0"/>
  </si>
  <si>
    <t>県立観音崎公園</t>
    <rPh sb="0" eb="7">
      <t>ケンリツカンノンザキコウエン</t>
    </rPh>
    <phoneticPr fontId="0"/>
  </si>
  <si>
    <t>横須賀海岸（長井海岸）</t>
    <rPh sb="0" eb="3">
      <t>ヨコスカ</t>
    </rPh>
    <rPh sb="3" eb="5">
      <t>カイガン</t>
    </rPh>
    <rPh sb="6" eb="8">
      <t>ナガイ</t>
    </rPh>
    <rPh sb="8" eb="10">
      <t>カイガン</t>
    </rPh>
    <phoneticPr fontId="0"/>
  </si>
  <si>
    <t>堀内Ｅ</t>
    <rPh sb="0" eb="2">
      <t>ホリウチ</t>
    </rPh>
    <phoneticPr fontId="0"/>
  </si>
  <si>
    <t>追浜町１丁目Ａ</t>
    <rPh sb="0" eb="3">
      <t>オッパマチョウ</t>
    </rPh>
    <rPh sb="4" eb="6">
      <t>チョウメ</t>
    </rPh>
    <phoneticPr fontId="0"/>
  </si>
  <si>
    <t>坂本町４丁目Ａ　他</t>
    <rPh sb="0" eb="3">
      <t>サカモトチョウ</t>
    </rPh>
    <rPh sb="4" eb="6">
      <t>チョウメ</t>
    </rPh>
    <rPh sb="8" eb="9">
      <t>ホカ</t>
    </rPh>
    <phoneticPr fontId="0"/>
  </si>
  <si>
    <t>田戸台Ｃ　他</t>
    <rPh sb="0" eb="3">
      <t>タドダイ</t>
    </rPh>
    <rPh sb="5" eb="6">
      <t>ホカ</t>
    </rPh>
    <phoneticPr fontId="0"/>
  </si>
  <si>
    <t>松輪Ａ</t>
    <rPh sb="0" eb="2">
      <t>マツワ</t>
    </rPh>
    <phoneticPr fontId="0"/>
  </si>
  <si>
    <t>久比里1丁目Ｄ</t>
    <rPh sb="0" eb="3">
      <t>クビリ</t>
    </rPh>
    <rPh sb="4" eb="6">
      <t>チョウメ</t>
    </rPh>
    <phoneticPr fontId="0"/>
  </si>
  <si>
    <t>緑ヶ丘Ｂ　他</t>
    <rPh sb="0" eb="3">
      <t>ミドリガオカ</t>
    </rPh>
    <rPh sb="5" eb="6">
      <t>ホカ</t>
    </rPh>
    <phoneticPr fontId="0"/>
  </si>
  <si>
    <t>鴨居1丁目Ａ　他</t>
    <rPh sb="0" eb="2">
      <t>カモイ</t>
    </rPh>
    <rPh sb="3" eb="5">
      <t>チョウメ</t>
    </rPh>
    <rPh sb="7" eb="8">
      <t>ホカ</t>
    </rPh>
    <phoneticPr fontId="0"/>
  </si>
  <si>
    <t>国道１３４号　他</t>
    <rPh sb="0" eb="2">
      <t>コクドウ</t>
    </rPh>
    <rPh sb="5" eb="6">
      <t>ゴウ</t>
    </rPh>
    <rPh sb="7" eb="8">
      <t>ホカ</t>
    </rPh>
    <phoneticPr fontId="18"/>
  </si>
  <si>
    <t>国道１３４号</t>
    <rPh sb="0" eb="2">
      <t>コクドウ</t>
    </rPh>
    <rPh sb="5" eb="6">
      <t>ゴウ</t>
    </rPh>
    <phoneticPr fontId="18"/>
  </si>
  <si>
    <t>小矢部１丁目Ｆ</t>
    <rPh sb="0" eb="3">
      <t>コヤベ</t>
    </rPh>
    <rPh sb="4" eb="6">
      <t>チョウメ</t>
    </rPh>
    <phoneticPr fontId="18"/>
  </si>
  <si>
    <t>富士見町３丁目Ａ</t>
    <rPh sb="0" eb="3">
      <t>フジミ</t>
    </rPh>
    <rPh sb="3" eb="4">
      <t>チョウ</t>
    </rPh>
    <rPh sb="5" eb="7">
      <t>チョウメ</t>
    </rPh>
    <phoneticPr fontId="18"/>
  </si>
  <si>
    <t>県道２０６号（田浦停車場）</t>
    <rPh sb="0" eb="2">
      <t>ケンドウ</t>
    </rPh>
    <rPh sb="5" eb="6">
      <t>ゴウ</t>
    </rPh>
    <rPh sb="7" eb="9">
      <t>タウラ</t>
    </rPh>
    <rPh sb="9" eb="12">
      <t>テイシャジョウ</t>
    </rPh>
    <phoneticPr fontId="19"/>
  </si>
  <si>
    <t>国道１３４号　他</t>
    <rPh sb="0" eb="2">
      <t>コクドウ</t>
    </rPh>
    <rPh sb="5" eb="6">
      <t>ゴウ</t>
    </rPh>
    <rPh sb="7" eb="8">
      <t>ホカ</t>
    </rPh>
    <phoneticPr fontId="19"/>
  </si>
  <si>
    <t>長柄Ｄ</t>
    <rPh sb="0" eb="2">
      <t>ナガエ</t>
    </rPh>
    <phoneticPr fontId="19"/>
  </si>
  <si>
    <t>追浜町２丁目Ａ</t>
    <rPh sb="0" eb="2">
      <t>オッパマ</t>
    </rPh>
    <rPh sb="2" eb="3">
      <t>マチ</t>
    </rPh>
    <rPh sb="4" eb="6">
      <t>チョウメ</t>
    </rPh>
    <phoneticPr fontId="19"/>
  </si>
  <si>
    <t>坂本町４丁目Ａ</t>
    <rPh sb="0" eb="3">
      <t>サカモトチョウ</t>
    </rPh>
    <rPh sb="4" eb="6">
      <t>チョウメ</t>
    </rPh>
    <phoneticPr fontId="19"/>
  </si>
  <si>
    <t>汐入町５丁目Ａ</t>
    <rPh sb="0" eb="3">
      <t>シオイリチョウ</t>
    </rPh>
    <rPh sb="4" eb="6">
      <t>チョウメ</t>
    </rPh>
    <phoneticPr fontId="19"/>
  </si>
  <si>
    <t>富士見町１丁目Ｃ　他</t>
    <rPh sb="0" eb="3">
      <t>フジミ</t>
    </rPh>
    <rPh sb="3" eb="4">
      <t>チョウ</t>
    </rPh>
    <rPh sb="5" eb="7">
      <t>チョウメ</t>
    </rPh>
    <rPh sb="9" eb="10">
      <t>ホカ</t>
    </rPh>
    <phoneticPr fontId="19"/>
  </si>
  <si>
    <t>東逸見町Ｅ</t>
    <rPh sb="0" eb="1">
      <t>ヒガシ</t>
    </rPh>
    <rPh sb="1" eb="3">
      <t>ヘミ</t>
    </rPh>
    <rPh sb="3" eb="4">
      <t>チョウ</t>
    </rPh>
    <phoneticPr fontId="19"/>
  </si>
  <si>
    <t>山の根３丁目Ｅ</t>
    <rPh sb="0" eb="1">
      <t>ヤマ</t>
    </rPh>
    <rPh sb="2" eb="3">
      <t>ネ</t>
    </rPh>
    <rPh sb="4" eb="6">
      <t>チョウメ</t>
    </rPh>
    <phoneticPr fontId="19"/>
  </si>
  <si>
    <t>追浜町２丁目Ｃ</t>
    <rPh sb="0" eb="2">
      <t>オッパマ</t>
    </rPh>
    <rPh sb="2" eb="3">
      <t>チョウ</t>
    </rPh>
    <rPh sb="4" eb="6">
      <t>チョウメ</t>
    </rPh>
    <phoneticPr fontId="19"/>
  </si>
  <si>
    <t>大滝町</t>
    <rPh sb="0" eb="2">
      <t>オオタキ</t>
    </rPh>
    <rPh sb="2" eb="3">
      <t>チョウ</t>
    </rPh>
    <phoneticPr fontId="19"/>
  </si>
  <si>
    <t>県道２１７号（逗子葉山横須賀）</t>
    <rPh sb="0" eb="2">
      <t>ケンドウ</t>
    </rPh>
    <rPh sb="5" eb="6">
      <t>ゴウ</t>
    </rPh>
    <rPh sb="7" eb="14">
      <t>ズシハヤマヨコスカ</t>
    </rPh>
    <phoneticPr fontId="0"/>
  </si>
  <si>
    <t>県道２０７号（森戸海岸）</t>
    <rPh sb="0" eb="2">
      <t>ケンドウ</t>
    </rPh>
    <rPh sb="5" eb="6">
      <t>ゴウ</t>
    </rPh>
    <rPh sb="7" eb="9">
      <t>モリト</t>
    </rPh>
    <rPh sb="9" eb="11">
      <t>カイガン</t>
    </rPh>
    <phoneticPr fontId="0"/>
  </si>
  <si>
    <t>県道２６号（横須賀三崎）</t>
    <rPh sb="0" eb="2">
      <t>ケンドウ</t>
    </rPh>
    <rPh sb="4" eb="5">
      <t>ゴウ</t>
    </rPh>
    <rPh sb="6" eb="9">
      <t>ヨコスカ</t>
    </rPh>
    <rPh sb="9" eb="11">
      <t>ミサキ</t>
    </rPh>
    <phoneticPr fontId="0"/>
  </si>
  <si>
    <t>県道２８号（本町山中）</t>
    <rPh sb="0" eb="2">
      <t>ケンドウ</t>
    </rPh>
    <rPh sb="4" eb="5">
      <t>ゴウ</t>
    </rPh>
    <rPh sb="6" eb="8">
      <t>ホンチョウ</t>
    </rPh>
    <rPh sb="8" eb="10">
      <t>ヤマナカ</t>
    </rPh>
    <phoneticPr fontId="0"/>
  </si>
  <si>
    <t>国道１３４号</t>
    <rPh sb="0" eb="2">
      <t>コクドウ</t>
    </rPh>
    <rPh sb="5" eb="6">
      <t>ゴウ</t>
    </rPh>
    <phoneticPr fontId="0"/>
  </si>
  <si>
    <t>県道２８号　（本町山中）他</t>
    <rPh sb="0" eb="2">
      <t>ケンドウ</t>
    </rPh>
    <rPh sb="4" eb="5">
      <t>ゴウ</t>
    </rPh>
    <rPh sb="7" eb="9">
      <t>ホンチョウ</t>
    </rPh>
    <rPh sb="9" eb="11">
      <t>ヤマナカ</t>
    </rPh>
    <rPh sb="12" eb="13">
      <t>ホカ</t>
    </rPh>
    <phoneticPr fontId="21"/>
  </si>
  <si>
    <t>県立観音崎公園</t>
    <rPh sb="0" eb="2">
      <t>ケンリツ</t>
    </rPh>
    <rPh sb="2" eb="7">
      <t>カンノンザキコウエン</t>
    </rPh>
    <phoneticPr fontId="0"/>
  </si>
  <si>
    <t>県立城ケ島公園</t>
    <rPh sb="0" eb="2">
      <t>ケンリツ</t>
    </rPh>
    <rPh sb="2" eb="5">
      <t>ジョウガシマ</t>
    </rPh>
    <rPh sb="5" eb="7">
      <t>コウエン</t>
    </rPh>
    <phoneticPr fontId="0"/>
  </si>
  <si>
    <t>都市計画道路　安浦下浦線</t>
  </si>
  <si>
    <t>二級河川　下山川</t>
    <rPh sb="0" eb="4">
      <t>ニキュウカセン</t>
    </rPh>
    <rPh sb="5" eb="7">
      <t>シモヤマ</t>
    </rPh>
    <rPh sb="7" eb="8">
      <t>ガワ</t>
    </rPh>
    <phoneticPr fontId="0"/>
  </si>
  <si>
    <t>二級河川　田越川</t>
    <rPh sb="0" eb="2">
      <t>ニキュウ</t>
    </rPh>
    <rPh sb="2" eb="4">
      <t>カセン</t>
    </rPh>
    <rPh sb="5" eb="8">
      <t>タゴエガワ</t>
    </rPh>
    <phoneticPr fontId="0"/>
  </si>
  <si>
    <t>浦郷町１丁目Ｄ</t>
    <rPh sb="0" eb="3">
      <t>ウラゴウチョウ</t>
    </rPh>
    <rPh sb="4" eb="6">
      <t>チョウメ</t>
    </rPh>
    <phoneticPr fontId="0"/>
  </si>
  <si>
    <t>佐野町３丁目Ａ</t>
    <rPh sb="0" eb="2">
      <t>サノ</t>
    </rPh>
    <rPh sb="2" eb="3">
      <t>チョウ</t>
    </rPh>
    <rPh sb="4" eb="6">
      <t>チョウメ</t>
    </rPh>
    <phoneticPr fontId="0"/>
  </si>
  <si>
    <t>一色</t>
    <rPh sb="0" eb="2">
      <t>イッシキ</t>
    </rPh>
    <phoneticPr fontId="0"/>
  </si>
  <si>
    <t>小坪３丁目Ａ</t>
    <rPh sb="0" eb="2">
      <t>コツボ</t>
    </rPh>
    <rPh sb="3" eb="5">
      <t>チョウメ</t>
    </rPh>
    <phoneticPr fontId="0"/>
  </si>
  <si>
    <t>汐入町Ｈ</t>
    <rPh sb="0" eb="3">
      <t>シオイリチョウ</t>
    </rPh>
    <phoneticPr fontId="0"/>
  </si>
  <si>
    <t>西浦賀町２丁目Ｂ</t>
    <rPh sb="0" eb="4">
      <t>ニシウラガチョウ</t>
    </rPh>
    <rPh sb="5" eb="7">
      <t>チョウメ</t>
    </rPh>
    <phoneticPr fontId="0"/>
  </si>
  <si>
    <t>岩戸３丁目Ａ</t>
    <rPh sb="0" eb="2">
      <t>イワト</t>
    </rPh>
    <rPh sb="3" eb="5">
      <t>チョウメ</t>
    </rPh>
    <phoneticPr fontId="0"/>
  </si>
  <si>
    <t>野比３丁目Ｂ</t>
    <rPh sb="0" eb="2">
      <t>ノビ</t>
    </rPh>
    <rPh sb="3" eb="5">
      <t>チョウメ</t>
    </rPh>
    <phoneticPr fontId="0"/>
  </si>
  <si>
    <t>鴨居１丁目Ｂ　他</t>
    <rPh sb="0" eb="2">
      <t>カモイ</t>
    </rPh>
    <rPh sb="3" eb="5">
      <t>チョウメ</t>
    </rPh>
    <rPh sb="7" eb="8">
      <t>ホカ</t>
    </rPh>
    <phoneticPr fontId="0"/>
  </si>
  <si>
    <t>長瀬２丁目Ｂ</t>
    <rPh sb="0" eb="2">
      <t>ナガセ</t>
    </rPh>
    <rPh sb="3" eb="5">
      <t>チョウメ</t>
    </rPh>
    <phoneticPr fontId="0"/>
  </si>
  <si>
    <t>和田竹ノ下Ｂ　他</t>
    <rPh sb="0" eb="2">
      <t>ワダ</t>
    </rPh>
    <rPh sb="2" eb="3">
      <t>タケ</t>
    </rPh>
    <rPh sb="4" eb="5">
      <t>シタ</t>
    </rPh>
    <rPh sb="7" eb="8">
      <t>ホカ</t>
    </rPh>
    <phoneticPr fontId="0"/>
  </si>
  <si>
    <t>小矢部２丁目Ｃ　他</t>
    <rPh sb="0" eb="3">
      <t>コヤベ</t>
    </rPh>
    <rPh sb="4" eb="6">
      <t>チョウメ</t>
    </rPh>
    <rPh sb="8" eb="9">
      <t>ホカ</t>
    </rPh>
    <phoneticPr fontId="0"/>
  </si>
  <si>
    <t>和田Ｂ</t>
    <rPh sb="0" eb="2">
      <t>ワダ</t>
    </rPh>
    <phoneticPr fontId="0"/>
  </si>
  <si>
    <t>佐原５丁目Ｂ</t>
    <rPh sb="0" eb="2">
      <t>サハラ</t>
    </rPh>
    <rPh sb="3" eb="5">
      <t>チョウメ</t>
    </rPh>
    <phoneticPr fontId="0"/>
  </si>
  <si>
    <t>西浦賀町５丁目Ｂ</t>
    <rPh sb="0" eb="3">
      <t>ニシウラガ</t>
    </rPh>
    <rPh sb="3" eb="4">
      <t>チョウ</t>
    </rPh>
    <rPh sb="5" eb="7">
      <t>チョウメ</t>
    </rPh>
    <phoneticPr fontId="0"/>
  </si>
  <si>
    <t>岩戸１丁目Ｄ</t>
    <rPh sb="0" eb="2">
      <t>イワト</t>
    </rPh>
    <rPh sb="3" eb="5">
      <t>チョウメ</t>
    </rPh>
    <phoneticPr fontId="0"/>
  </si>
  <si>
    <t>鴨居３丁目Ｂ　他</t>
    <rPh sb="0" eb="2">
      <t>カモイ</t>
    </rPh>
    <rPh sb="3" eb="5">
      <t>チョウメ</t>
    </rPh>
    <rPh sb="7" eb="8">
      <t>ホカ</t>
    </rPh>
    <phoneticPr fontId="0"/>
  </si>
  <si>
    <t>浦賀６丁目Ｂ</t>
    <rPh sb="0" eb="2">
      <t>ウラガ</t>
    </rPh>
    <rPh sb="3" eb="5">
      <t>チョウメ</t>
    </rPh>
    <phoneticPr fontId="0"/>
  </si>
  <si>
    <t>二級河川　不動川</t>
    <rPh sb="5" eb="7">
      <t>フドウ</t>
    </rPh>
    <rPh sb="7" eb="8">
      <t>ガワ</t>
    </rPh>
    <phoneticPr fontId="5"/>
  </si>
  <si>
    <t>二宮海岸</t>
    <rPh sb="0" eb="2">
      <t>ニノミヤ</t>
    </rPh>
    <rPh sb="2" eb="4">
      <t>カイガン</t>
    </rPh>
    <phoneticPr fontId="5"/>
  </si>
  <si>
    <t>県道603号（上粕屋厚木）</t>
    <rPh sb="7" eb="10">
      <t>カミカスヤ</t>
    </rPh>
    <rPh sb="10" eb="12">
      <t>アツギ</t>
    </rPh>
    <phoneticPr fontId="5"/>
  </si>
  <si>
    <t>県道611号（大山板戸）</t>
    <rPh sb="7" eb="9">
      <t>オオヤマ</t>
    </rPh>
    <rPh sb="9" eb="11">
      <t>イタド</t>
    </rPh>
    <phoneticPr fontId="5"/>
  </si>
  <si>
    <t>県道612号（上粕屋南金目）</t>
    <rPh sb="0" eb="2">
      <t>ケンドウ</t>
    </rPh>
    <rPh sb="5" eb="6">
      <t>ゴウ</t>
    </rPh>
    <rPh sb="7" eb="8">
      <t>カミ</t>
    </rPh>
    <rPh sb="8" eb="10">
      <t>カスヤ</t>
    </rPh>
    <rPh sb="10" eb="11">
      <t>ミナミ</t>
    </rPh>
    <rPh sb="11" eb="13">
      <t>カナメ</t>
    </rPh>
    <phoneticPr fontId="5"/>
  </si>
  <si>
    <t>急傾斜地崩壊危険区域　万田地区</t>
    <rPh sb="0" eb="10">
      <t>キュウケイシャチホウカイキケンクイキ</t>
    </rPh>
    <rPh sb="11" eb="13">
      <t>マンダ</t>
    </rPh>
    <rPh sb="13" eb="15">
      <t>チク</t>
    </rPh>
    <phoneticPr fontId="5"/>
  </si>
  <si>
    <t>県道611号(大山板戸)</t>
    <rPh sb="0" eb="12">
      <t>６１１</t>
    </rPh>
    <phoneticPr fontId="5"/>
  </si>
  <si>
    <t>国道134号【高浜台歩道橋】</t>
    <rPh sb="0" eb="6">
      <t>１３４</t>
    </rPh>
    <rPh sb="7" eb="9">
      <t>タカハマ</t>
    </rPh>
    <rPh sb="9" eb="10">
      <t>ダイ</t>
    </rPh>
    <rPh sb="10" eb="13">
      <t>ホドウキョウ</t>
    </rPh>
    <phoneticPr fontId="5"/>
  </si>
  <si>
    <t>県道71号（秦野二宮)</t>
    <rPh sb="0" eb="2">
      <t>ケンドウ</t>
    </rPh>
    <rPh sb="4" eb="5">
      <t>ゴウ</t>
    </rPh>
    <rPh sb="6" eb="10">
      <t>ハダノニノミヤ</t>
    </rPh>
    <phoneticPr fontId="5"/>
  </si>
  <si>
    <t>県道70号（秦野清川）</t>
    <rPh sb="0" eb="2">
      <t>ケンドウ</t>
    </rPh>
    <rPh sb="4" eb="5">
      <t>ゴウ</t>
    </rPh>
    <rPh sb="6" eb="10">
      <t>ハダノキヨカワ</t>
    </rPh>
    <phoneticPr fontId="5"/>
  </si>
  <si>
    <t>県道71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5"/>
  </si>
  <si>
    <t>県道608号（平塚停車場袖ヶ浜）</t>
    <rPh sb="0" eb="2">
      <t>ケンドウ</t>
    </rPh>
    <rPh sb="5" eb="6">
      <t>ゴウ</t>
    </rPh>
    <rPh sb="7" eb="12">
      <t>ヒラツカテイシャジョウ</t>
    </rPh>
    <rPh sb="12" eb="15">
      <t>ソデガハマ</t>
    </rPh>
    <phoneticPr fontId="5"/>
  </si>
  <si>
    <t>県道611号（大山板戸）</t>
    <rPh sb="0" eb="2">
      <t>ケンドウ</t>
    </rPh>
    <rPh sb="5" eb="6">
      <t>ゴウ</t>
    </rPh>
    <rPh sb="7" eb="9">
      <t>オオヤマ</t>
    </rPh>
    <rPh sb="9" eb="11">
      <t>イタド</t>
    </rPh>
    <phoneticPr fontId="5"/>
  </si>
  <si>
    <t>二級河川 金目川</t>
  </si>
  <si>
    <t>二級河川　渋田川　他　　　　　　　　　　　　　　　　　　　　　　　　　　　　　　</t>
    <rPh sb="0" eb="4">
      <t>ニキュウカセン</t>
    </rPh>
    <rPh sb="5" eb="7">
      <t>シブタ</t>
    </rPh>
    <rPh sb="7" eb="8">
      <t>ガワ</t>
    </rPh>
    <rPh sb="9" eb="10">
      <t>ホカ</t>
    </rPh>
    <phoneticPr fontId="5"/>
  </si>
  <si>
    <t>平塚海岸</t>
    <rPh sb="0" eb="2">
      <t>ヒラツカ</t>
    </rPh>
    <rPh sb="2" eb="4">
      <t>カイガン</t>
    </rPh>
    <phoneticPr fontId="5"/>
  </si>
  <si>
    <t>県道22号（横浜伊勢原）</t>
  </si>
  <si>
    <t>県道62号（平塚秦野）</t>
    <rPh sb="0" eb="2">
      <t>ケンドウ</t>
    </rPh>
    <rPh sb="4" eb="5">
      <t>ゴウ</t>
    </rPh>
    <rPh sb="6" eb="8">
      <t>ヒラツカ</t>
    </rPh>
    <rPh sb="8" eb="10">
      <t>ハダノ</t>
    </rPh>
    <phoneticPr fontId="9"/>
  </si>
  <si>
    <t>県立秦野戸川公園</t>
    <rPh sb="0" eb="2">
      <t>ケンリツ</t>
    </rPh>
    <rPh sb="2" eb="4">
      <t>ハダノ</t>
    </rPh>
    <rPh sb="4" eb="6">
      <t>トガワ</t>
    </rPh>
    <rPh sb="6" eb="8">
      <t>コウエン</t>
    </rPh>
    <phoneticPr fontId="5"/>
  </si>
  <si>
    <t>国道129号</t>
    <rPh sb="0" eb="2">
      <t>コクドウ</t>
    </rPh>
    <rPh sb="5" eb="6">
      <t>ゴウ</t>
    </rPh>
    <phoneticPr fontId="5"/>
  </si>
  <si>
    <t>砂防指定地　延沢</t>
    <rPh sb="0" eb="2">
      <t>サボウ</t>
    </rPh>
    <rPh sb="2" eb="5">
      <t>シテイチ</t>
    </rPh>
    <rPh sb="6" eb="8">
      <t>ノベサワ</t>
    </rPh>
    <phoneticPr fontId="5"/>
  </si>
  <si>
    <t>都市計画道路　湘南新道</t>
    <rPh sb="0" eb="2">
      <t>トシ</t>
    </rPh>
    <rPh sb="2" eb="4">
      <t>ケイカク</t>
    </rPh>
    <rPh sb="4" eb="6">
      <t>ドウロ</t>
    </rPh>
    <rPh sb="7" eb="9">
      <t>ショウナン</t>
    </rPh>
    <rPh sb="9" eb="11">
      <t>シンドウ</t>
    </rPh>
    <phoneticPr fontId="5"/>
  </si>
  <si>
    <t>県立大磯城山公園</t>
    <rPh sb="0" eb="2">
      <t>ケンリツ</t>
    </rPh>
    <rPh sb="2" eb="4">
      <t>オオイソ</t>
    </rPh>
    <rPh sb="4" eb="6">
      <t>ジョウヤマ</t>
    </rPh>
    <rPh sb="6" eb="8">
      <t>コウエン</t>
    </rPh>
    <phoneticPr fontId="5"/>
  </si>
  <si>
    <t>砂防指定地　高橋沢</t>
    <rPh sb="0" eb="2">
      <t>サボウ</t>
    </rPh>
    <rPh sb="2" eb="5">
      <t>シテイチ</t>
    </rPh>
    <rPh sb="6" eb="8">
      <t>タカハシ</t>
    </rPh>
    <rPh sb="8" eb="9">
      <t>サワ</t>
    </rPh>
    <phoneticPr fontId="5"/>
  </si>
  <si>
    <t>県道62号（平塚秦野）他</t>
    <rPh sb="0" eb="2">
      <t>ケンドウ</t>
    </rPh>
    <rPh sb="4" eb="5">
      <t>ゴウ</t>
    </rPh>
    <rPh sb="6" eb="8">
      <t>ヒラツカ</t>
    </rPh>
    <rPh sb="8" eb="10">
      <t>ハダノ</t>
    </rPh>
    <rPh sb="11" eb="12">
      <t>ホカ</t>
    </rPh>
    <phoneticPr fontId="5"/>
  </si>
  <si>
    <t>県道61号（平塚伊勢原）他</t>
    <rPh sb="0" eb="2">
      <t>ケンドウ</t>
    </rPh>
    <rPh sb="4" eb="5">
      <t>ゴウ</t>
    </rPh>
    <rPh sb="6" eb="8">
      <t>ヒラツカ</t>
    </rPh>
    <rPh sb="12" eb="13">
      <t>ホカ</t>
    </rPh>
    <phoneticPr fontId="5"/>
  </si>
  <si>
    <t>県道61号（平塚伊勢原）他</t>
    <rPh sb="0" eb="2">
      <t>ケンドウ</t>
    </rPh>
    <rPh sb="4" eb="5">
      <t>ゴウ</t>
    </rPh>
    <rPh sb="6" eb="11">
      <t>ヒラツカイセハラ</t>
    </rPh>
    <rPh sb="12" eb="13">
      <t>ホカ</t>
    </rPh>
    <phoneticPr fontId="5"/>
  </si>
  <si>
    <t>県道61号（平塚伊勢原）</t>
    <rPh sb="0" eb="2">
      <t>ケンドウ</t>
    </rPh>
    <rPh sb="4" eb="5">
      <t>ゴウ</t>
    </rPh>
    <rPh sb="6" eb="8">
      <t>ヒラツカ</t>
    </rPh>
    <rPh sb="8" eb="11">
      <t>イセハラ</t>
    </rPh>
    <phoneticPr fontId="5"/>
  </si>
  <si>
    <t>県道612号（上粕屋南金目）</t>
    <rPh sb="0" eb="2">
      <t>ケンドウ</t>
    </rPh>
    <rPh sb="5" eb="6">
      <t>ゴウ</t>
    </rPh>
    <rPh sb="7" eb="10">
      <t>カミカスヤ</t>
    </rPh>
    <rPh sb="10" eb="11">
      <t>ミナミ</t>
    </rPh>
    <rPh sb="11" eb="13">
      <t>カナメ</t>
    </rPh>
    <phoneticPr fontId="5"/>
  </si>
  <si>
    <t>二級河川　金目川</t>
    <rPh sb="0" eb="4">
      <t>ニキュウカセン</t>
    </rPh>
    <rPh sb="5" eb="7">
      <t>カネメ</t>
    </rPh>
    <rPh sb="7" eb="8">
      <t>カワ</t>
    </rPh>
    <phoneticPr fontId="5"/>
  </si>
  <si>
    <t>国道134号　他</t>
    <rPh sb="0" eb="2">
      <t>コクドウ</t>
    </rPh>
    <rPh sb="5" eb="6">
      <t>ゴウ</t>
    </rPh>
    <rPh sb="7" eb="8">
      <t>ホカ</t>
    </rPh>
    <phoneticPr fontId="5"/>
  </si>
  <si>
    <t>県道705号（堀山下秦野停車場）</t>
    <rPh sb="0" eb="2">
      <t>ケンドウ</t>
    </rPh>
    <rPh sb="5" eb="6">
      <t>ゴウ</t>
    </rPh>
    <rPh sb="7" eb="15">
      <t>ホリヤマシタハダノテイシャジョウ</t>
    </rPh>
    <phoneticPr fontId="5"/>
  </si>
  <si>
    <t>県道704号（秦野停車場）</t>
    <rPh sb="0" eb="2">
      <t>ケンドウ</t>
    </rPh>
    <rPh sb="5" eb="6">
      <t>ゴウ</t>
    </rPh>
    <rPh sb="7" eb="12">
      <t>ハダノテイシャジョウ</t>
    </rPh>
    <phoneticPr fontId="5"/>
  </si>
  <si>
    <t>県道71号（秦野二宮）</t>
    <rPh sb="0" eb="2">
      <t>ケンドウ</t>
    </rPh>
    <rPh sb="4" eb="5">
      <t>ゴウ</t>
    </rPh>
    <rPh sb="6" eb="10">
      <t>ハダノニノミヤ</t>
    </rPh>
    <phoneticPr fontId="5"/>
  </si>
  <si>
    <t>二級河川　渋田川</t>
    <rPh sb="0" eb="4">
      <t>ニキュウカセン</t>
    </rPh>
    <rPh sb="5" eb="7">
      <t>シブタ</t>
    </rPh>
    <rPh sb="7" eb="8">
      <t>ガワ</t>
    </rPh>
    <phoneticPr fontId="5"/>
  </si>
  <si>
    <t>二級河川　渋田川分水路</t>
  </si>
  <si>
    <t>県道603号（上粕屋厚木）【西富岡バイパス】</t>
    <rPh sb="0" eb="2">
      <t>ケンドウ</t>
    </rPh>
    <rPh sb="5" eb="6">
      <t>ゴウ</t>
    </rPh>
    <rPh sb="7" eb="12">
      <t>カミカスヤアツギ</t>
    </rPh>
    <rPh sb="14" eb="15">
      <t>ニシ</t>
    </rPh>
    <rPh sb="15" eb="17">
      <t>トミオカ</t>
    </rPh>
    <phoneticPr fontId="5"/>
  </si>
  <si>
    <t>県立大磯城山公園</t>
    <rPh sb="0" eb="2">
      <t>ケンリツ</t>
    </rPh>
    <rPh sb="2" eb="4">
      <t>オオイソ</t>
    </rPh>
    <rPh sb="4" eb="6">
      <t>シロヤマ</t>
    </rPh>
    <rPh sb="6" eb="8">
      <t>コウエン</t>
    </rPh>
    <phoneticPr fontId="5"/>
  </si>
  <si>
    <t>県道62号（平塚秦野)</t>
    <rPh sb="0" eb="2">
      <t>ケンドウ</t>
    </rPh>
    <rPh sb="4" eb="5">
      <t>ゴウ</t>
    </rPh>
    <rPh sb="6" eb="8">
      <t>ヒラツカ</t>
    </rPh>
    <rPh sb="8" eb="10">
      <t>ハダノ</t>
    </rPh>
    <phoneticPr fontId="5"/>
  </si>
  <si>
    <t>県道61号（平塚伊勢原)</t>
    <rPh sb="0" eb="2">
      <t>ケンドウ</t>
    </rPh>
    <rPh sb="4" eb="5">
      <t>ゴウ</t>
    </rPh>
    <rPh sb="6" eb="8">
      <t>ヒラツカ</t>
    </rPh>
    <rPh sb="8" eb="11">
      <t>イセハラ</t>
    </rPh>
    <phoneticPr fontId="5"/>
  </si>
  <si>
    <t>国道134号</t>
    <rPh sb="0" eb="2">
      <t>コクドウ</t>
    </rPh>
    <rPh sb="5" eb="6">
      <t>ゴウ</t>
    </rPh>
    <phoneticPr fontId="5"/>
  </si>
  <si>
    <t>県道62号（平塚秦野）</t>
    <rPh sb="0" eb="2">
      <t>ケンドウ</t>
    </rPh>
    <rPh sb="4" eb="5">
      <t>ゴウ</t>
    </rPh>
    <rPh sb="6" eb="8">
      <t>ヒラツカ</t>
    </rPh>
    <rPh sb="8" eb="10">
      <t>ハダノ</t>
    </rPh>
    <phoneticPr fontId="5"/>
  </si>
  <si>
    <t>県道603号（上粕屋厚木）</t>
    <rPh sb="0" eb="2">
      <t>ケンドウ</t>
    </rPh>
    <rPh sb="5" eb="6">
      <t>ゴウ</t>
    </rPh>
    <rPh sb="7" eb="12">
      <t>カミカスヤアツギ</t>
    </rPh>
    <phoneticPr fontId="5"/>
  </si>
  <si>
    <t>県道63号（相模原大磯）</t>
    <rPh sb="0" eb="2">
      <t>ケンドウ</t>
    </rPh>
    <rPh sb="4" eb="5">
      <t>ゴウ</t>
    </rPh>
    <rPh sb="6" eb="9">
      <t>サガミハラ</t>
    </rPh>
    <rPh sb="9" eb="11">
      <t>オオイソ</t>
    </rPh>
    <phoneticPr fontId="5"/>
  </si>
  <si>
    <t>県道706号（丹沢公園松原町）</t>
    <rPh sb="0" eb="2">
      <t>ケンドウ</t>
    </rPh>
    <rPh sb="5" eb="6">
      <t>ゴウ</t>
    </rPh>
    <rPh sb="7" eb="14">
      <t>タンザワコウエンマツバラチョウ</t>
    </rPh>
    <phoneticPr fontId="5"/>
  </si>
  <si>
    <t>県道44号（伊勢原藤沢）</t>
    <rPh sb="0" eb="2">
      <t>ケンドウ</t>
    </rPh>
    <rPh sb="4" eb="5">
      <t>ゴウ</t>
    </rPh>
    <rPh sb="6" eb="9">
      <t>イセハラ</t>
    </rPh>
    <rPh sb="9" eb="11">
      <t>フジサワ</t>
    </rPh>
    <phoneticPr fontId="5"/>
  </si>
  <si>
    <t>地方港湾　大磯港</t>
    <rPh sb="0" eb="2">
      <t>チホウ</t>
    </rPh>
    <rPh sb="2" eb="4">
      <t>コウワン</t>
    </rPh>
    <rPh sb="5" eb="7">
      <t>オオイソ</t>
    </rPh>
    <rPh sb="7" eb="8">
      <t>コウ</t>
    </rPh>
    <phoneticPr fontId="5"/>
  </si>
  <si>
    <t>二級河川　鈴川</t>
    <rPh sb="0" eb="4">
      <t>ニキュウカセン</t>
    </rPh>
    <rPh sb="5" eb="7">
      <t>スズカワ</t>
    </rPh>
    <phoneticPr fontId="5"/>
  </si>
  <si>
    <t>二宮海岸</t>
    <rPh sb="0" eb="4">
      <t>ニノミヤカイガン</t>
    </rPh>
    <phoneticPr fontId="5"/>
  </si>
  <si>
    <t>急傾斜地崩壊危険区域　峠B地区　他</t>
    <rPh sb="0" eb="10">
      <t>キュウケイシャチホウカイキケンクイキ</t>
    </rPh>
    <rPh sb="11" eb="12">
      <t>トウゲ</t>
    </rPh>
    <rPh sb="13" eb="15">
      <t>チク</t>
    </rPh>
    <rPh sb="16" eb="17">
      <t>ホカ</t>
    </rPh>
    <phoneticPr fontId="5"/>
  </si>
  <si>
    <t>急傾斜地崩壊危険区域　土屋東地区</t>
    <rPh sb="0" eb="10">
      <t>キュウケイシャチホウカイキケンクイキ</t>
    </rPh>
    <rPh sb="11" eb="13">
      <t>ツチヤ</t>
    </rPh>
    <rPh sb="13" eb="14">
      <t>ヒガシ</t>
    </rPh>
    <rPh sb="14" eb="16">
      <t>チク</t>
    </rPh>
    <phoneticPr fontId="5"/>
  </si>
  <si>
    <t>都市計画道路湘南新道</t>
    <rPh sb="0" eb="6">
      <t>トシケイカクドウロ</t>
    </rPh>
    <rPh sb="6" eb="8">
      <t>ショウナン</t>
    </rPh>
    <rPh sb="8" eb="10">
      <t>シンドウ</t>
    </rPh>
    <phoneticPr fontId="5"/>
  </si>
  <si>
    <t>県道410号(湘南台大神)</t>
    <rPh sb="0" eb="2">
      <t>ケンドウ</t>
    </rPh>
    <rPh sb="5" eb="6">
      <t>ゴウ</t>
    </rPh>
    <rPh sb="7" eb="10">
      <t>ショウナンダイ</t>
    </rPh>
    <rPh sb="10" eb="12">
      <t>オオカミ</t>
    </rPh>
    <phoneticPr fontId="5"/>
  </si>
  <si>
    <t>二級河川　滑川</t>
    <rPh sb="0" eb="4">
      <t>ンｋ</t>
    </rPh>
    <rPh sb="5" eb="7">
      <t>ンｍ</t>
    </rPh>
    <phoneticPr fontId="5"/>
  </si>
  <si>
    <t>県道404号（遠藤茅ケ崎）</t>
    <rPh sb="0" eb="2">
      <t>ケンドウ</t>
    </rPh>
    <rPh sb="5" eb="6">
      <t>ゴウ</t>
    </rPh>
    <rPh sb="7" eb="9">
      <t>エンドウ</t>
    </rPh>
    <rPh sb="9" eb="12">
      <t>チガサキ</t>
    </rPh>
    <phoneticPr fontId="5"/>
  </si>
  <si>
    <t>一級河川　小出川</t>
    <rPh sb="0" eb="2">
      <t>イッキュウ</t>
    </rPh>
    <rPh sb="2" eb="4">
      <t>カセン</t>
    </rPh>
    <rPh sb="5" eb="8">
      <t>コイデガワ</t>
    </rPh>
    <phoneticPr fontId="5"/>
  </si>
  <si>
    <t>二級河川引地川</t>
    <rPh sb="0" eb="7">
      <t>ニキュウカセンヒキチガワ</t>
    </rPh>
    <phoneticPr fontId="5"/>
  </si>
  <si>
    <t>二級河川　境川</t>
    <rPh sb="0" eb="4">
      <t>ンｋ</t>
    </rPh>
    <rPh sb="5" eb="7">
      <t>ｓｋ</t>
    </rPh>
    <phoneticPr fontId="15"/>
  </si>
  <si>
    <t>茅ケ崎海岸</t>
    <rPh sb="0" eb="3">
      <t>チガサキ</t>
    </rPh>
    <rPh sb="3" eb="5">
      <t>カイガン</t>
    </rPh>
    <phoneticPr fontId="5"/>
  </si>
  <si>
    <t>二級河川　引地川</t>
    <rPh sb="0" eb="2">
      <t>ニキュウ</t>
    </rPh>
    <rPh sb="2" eb="4">
      <t>カセン</t>
    </rPh>
    <rPh sb="5" eb="7">
      <t>ヒキチ</t>
    </rPh>
    <rPh sb="7" eb="8">
      <t>ガワ</t>
    </rPh>
    <phoneticPr fontId="5"/>
  </si>
  <si>
    <t>辻堂海浜公園</t>
    <rPh sb="0" eb="2">
      <t>ツジドウ</t>
    </rPh>
    <rPh sb="2" eb="4">
      <t>カイヒン</t>
    </rPh>
    <rPh sb="4" eb="6">
      <t>コウエン</t>
    </rPh>
    <phoneticPr fontId="15"/>
  </si>
  <si>
    <t>県道44号（伊勢原藤沢）外</t>
    <rPh sb="0" eb="2">
      <t>ケンドウ</t>
    </rPh>
    <rPh sb="4" eb="5">
      <t>ゴウ</t>
    </rPh>
    <rPh sb="6" eb="11">
      <t>イセハラフジサワ</t>
    </rPh>
    <rPh sb="12" eb="13">
      <t>ソト</t>
    </rPh>
    <phoneticPr fontId="5"/>
  </si>
  <si>
    <t>県道43号（藤沢厚木）</t>
    <rPh sb="0" eb="2">
      <t>ケンドウ</t>
    </rPh>
    <rPh sb="4" eb="5">
      <t>ゴウ</t>
    </rPh>
    <rPh sb="6" eb="8">
      <t>フジサワ</t>
    </rPh>
    <rPh sb="8" eb="10">
      <t>アツギ</t>
    </rPh>
    <phoneticPr fontId="5"/>
  </si>
  <si>
    <t>県道32号（藤沢鎌倉）</t>
    <rPh sb="0" eb="2">
      <t>ケンドウ</t>
    </rPh>
    <rPh sb="4" eb="5">
      <t>ゴウ</t>
    </rPh>
    <rPh sb="6" eb="8">
      <t>フジサワ</t>
    </rPh>
    <rPh sb="8" eb="10">
      <t>カマクラ</t>
    </rPh>
    <phoneticPr fontId="5"/>
  </si>
  <si>
    <t>県道312号（田谷藤沢）</t>
    <rPh sb="0" eb="2">
      <t>ケンドウ</t>
    </rPh>
    <rPh sb="5" eb="6">
      <t>ゴウ</t>
    </rPh>
    <rPh sb="7" eb="9">
      <t>タヤ</t>
    </rPh>
    <rPh sb="9" eb="11">
      <t>フジサワ</t>
    </rPh>
    <phoneticPr fontId="5"/>
  </si>
  <si>
    <t>国道467号</t>
    <rPh sb="0" eb="2">
      <t>コクドウ</t>
    </rPh>
    <rPh sb="5" eb="6">
      <t>ゴウ</t>
    </rPh>
    <phoneticPr fontId="5"/>
  </si>
  <si>
    <t>県道304号（腰越大船）</t>
    <rPh sb="0" eb="2">
      <t>ケンドウ</t>
    </rPh>
    <rPh sb="5" eb="6">
      <t>ゴウ</t>
    </rPh>
    <rPh sb="7" eb="9">
      <t>コシゴエ</t>
    </rPh>
    <rPh sb="9" eb="11">
      <t>オオフナ</t>
    </rPh>
    <phoneticPr fontId="5"/>
  </si>
  <si>
    <t>県道451号（藤沢大和自転車道）</t>
    <rPh sb="0" eb="2">
      <t>ケンドウ</t>
    </rPh>
    <rPh sb="5" eb="6">
      <t>ゴウ</t>
    </rPh>
    <rPh sb="7" eb="15">
      <t>フジサワヤマトジテンシャドウ</t>
    </rPh>
    <phoneticPr fontId="5"/>
  </si>
  <si>
    <t>県道30号（戸塚茅ケ崎）</t>
    <rPh sb="0" eb="2">
      <t>ケンドウ</t>
    </rPh>
    <rPh sb="4" eb="5">
      <t>ゴウ</t>
    </rPh>
    <rPh sb="6" eb="8">
      <t>トツカ</t>
    </rPh>
    <rPh sb="8" eb="11">
      <t>チガサキ</t>
    </rPh>
    <phoneticPr fontId="5"/>
  </si>
  <si>
    <t>県道409号（相模川自転車道）</t>
    <rPh sb="0" eb="2">
      <t>ケンドウ</t>
    </rPh>
    <rPh sb="5" eb="6">
      <t>ゴウ</t>
    </rPh>
    <rPh sb="7" eb="9">
      <t>サガミ</t>
    </rPh>
    <rPh sb="9" eb="10">
      <t>ガワ</t>
    </rPh>
    <rPh sb="10" eb="13">
      <t>ジテンシャ</t>
    </rPh>
    <rPh sb="13" eb="14">
      <t>ドウ</t>
    </rPh>
    <phoneticPr fontId="5"/>
  </si>
  <si>
    <t>地方港湾湘南港</t>
    <rPh sb="0" eb="2">
      <t>チホウ</t>
    </rPh>
    <rPh sb="2" eb="4">
      <t>コウワン</t>
    </rPh>
    <rPh sb="4" eb="6">
      <t>ショウナン</t>
    </rPh>
    <rPh sb="6" eb="7">
      <t>コウ</t>
    </rPh>
    <phoneticPr fontId="5"/>
  </si>
  <si>
    <t>藤沢海岸</t>
    <rPh sb="0" eb="2">
      <t>フジサワ</t>
    </rPh>
    <rPh sb="2" eb="4">
      <t>カイガン</t>
    </rPh>
    <phoneticPr fontId="15"/>
  </si>
  <si>
    <t>辻堂海浜公園</t>
  </si>
  <si>
    <t>茅ケ崎里山公園</t>
  </si>
  <si>
    <t>茅ヶ崎海岸</t>
    <rPh sb="0" eb="5">
      <t>チガサキカイガン</t>
    </rPh>
    <phoneticPr fontId="5"/>
  </si>
  <si>
    <t>県道402号（阿久和鎌倉）</t>
  </si>
  <si>
    <t>県道311号（鎌倉葉山）</t>
    <rPh sb="0" eb="2">
      <t>ケンドウ</t>
    </rPh>
    <rPh sb="5" eb="6">
      <t>ゴウ</t>
    </rPh>
    <rPh sb="7" eb="9">
      <t>カマクラ</t>
    </rPh>
    <rPh sb="9" eb="11">
      <t>ハヤマ</t>
    </rPh>
    <phoneticPr fontId="5"/>
  </si>
  <si>
    <t>稲村ガ崎５丁目地区</t>
    <rPh sb="0" eb="2">
      <t>イナムラ</t>
    </rPh>
    <rPh sb="3" eb="4">
      <t>サキ</t>
    </rPh>
    <rPh sb="5" eb="7">
      <t>チョウメ</t>
    </rPh>
    <rPh sb="7" eb="9">
      <t>チク</t>
    </rPh>
    <phoneticPr fontId="15"/>
  </si>
  <si>
    <t>辻堂海浜公園</t>
    <rPh sb="0" eb="2">
      <t>ツジドウ</t>
    </rPh>
    <rPh sb="2" eb="4">
      <t>カイヒン</t>
    </rPh>
    <rPh sb="4" eb="6">
      <t>コウエン</t>
    </rPh>
    <phoneticPr fontId="5"/>
  </si>
  <si>
    <t>都市計画道路　横浜藤沢線</t>
    <rPh sb="0" eb="2">
      <t>トシ</t>
    </rPh>
    <rPh sb="2" eb="4">
      <t>ケイカク</t>
    </rPh>
    <rPh sb="4" eb="6">
      <t>ドウロ</t>
    </rPh>
    <rPh sb="7" eb="9">
      <t>ヨコハマ</t>
    </rPh>
    <rPh sb="9" eb="11">
      <t>フジサワ</t>
    </rPh>
    <rPh sb="11" eb="12">
      <t>セン</t>
    </rPh>
    <phoneticPr fontId="5"/>
  </si>
  <si>
    <t>県道47号（藤沢平塚）</t>
    <rPh sb="6" eb="8">
      <t>フジサワ</t>
    </rPh>
    <rPh sb="8" eb="10">
      <t>ヒラツカ</t>
    </rPh>
    <phoneticPr fontId="5"/>
  </si>
  <si>
    <t>県道46号（相模原茅ケ崎）</t>
    <rPh sb="6" eb="12">
      <t>サガミハラチガサキ</t>
    </rPh>
    <phoneticPr fontId="5"/>
  </si>
  <si>
    <t>県道21号（横浜鎌倉）</t>
    <rPh sb="0" eb="2">
      <t>ケンドウ</t>
    </rPh>
    <rPh sb="4" eb="5">
      <t>ゴウ</t>
    </rPh>
    <rPh sb="6" eb="8">
      <t>ヨコハマ</t>
    </rPh>
    <rPh sb="8" eb="10">
      <t>カマクラ</t>
    </rPh>
    <phoneticPr fontId="5"/>
  </si>
  <si>
    <t>県道301号（大船停車場）</t>
    <rPh sb="0" eb="2">
      <t>ケンドウ</t>
    </rPh>
    <rPh sb="5" eb="6">
      <t>ゴウ</t>
    </rPh>
    <rPh sb="7" eb="9">
      <t>オオフナ</t>
    </rPh>
    <rPh sb="9" eb="11">
      <t>テイシャ</t>
    </rPh>
    <rPh sb="11" eb="12">
      <t>バ</t>
    </rPh>
    <phoneticPr fontId="5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5"/>
  </si>
  <si>
    <t>県道30号（戸塚茅ケ崎）</t>
    <rPh sb="4" eb="5">
      <t>ゴウ</t>
    </rPh>
    <rPh sb="6" eb="8">
      <t>トツカ</t>
    </rPh>
    <rPh sb="8" eb="11">
      <t>チガサキ</t>
    </rPh>
    <phoneticPr fontId="5"/>
  </si>
  <si>
    <t>県道46号（相模原茅ケ崎）</t>
    <rPh sb="0" eb="2">
      <t>ケンドウ</t>
    </rPh>
    <rPh sb="4" eb="5">
      <t>ゴウ</t>
    </rPh>
    <rPh sb="6" eb="9">
      <t>サガミハラ</t>
    </rPh>
    <rPh sb="9" eb="12">
      <t>チガサキ</t>
    </rPh>
    <phoneticPr fontId="15"/>
  </si>
  <si>
    <t>国道467号</t>
    <rPh sb="0" eb="2">
      <t>コクドウ</t>
    </rPh>
    <rPh sb="5" eb="6">
      <t>ゴウ</t>
    </rPh>
    <phoneticPr fontId="15"/>
  </si>
  <si>
    <t>県道45号（丸子中山茅ケ崎）</t>
    <rPh sb="0" eb="2">
      <t>ケンドウ</t>
    </rPh>
    <rPh sb="4" eb="5">
      <t>ゴウ</t>
    </rPh>
    <rPh sb="6" eb="13">
      <t>マルコナカヤマチガサキ</t>
    </rPh>
    <phoneticPr fontId="15"/>
  </si>
  <si>
    <t>県道32号(藤沢鎌倉)</t>
    <rPh sb="0" eb="2">
      <t>ケンドウ</t>
    </rPh>
    <rPh sb="4" eb="5">
      <t>ゴウ</t>
    </rPh>
    <rPh sb="6" eb="8">
      <t>フジサワ</t>
    </rPh>
    <rPh sb="8" eb="10">
      <t>カマクラ</t>
    </rPh>
    <phoneticPr fontId="5"/>
  </si>
  <si>
    <t>県道21号(横浜鎌倉)</t>
    <rPh sb="0" eb="2">
      <t>ケンドウ</t>
    </rPh>
    <rPh sb="4" eb="5">
      <t>ゴウ</t>
    </rPh>
    <rPh sb="6" eb="8">
      <t>ヨコハマ</t>
    </rPh>
    <rPh sb="8" eb="10">
      <t>カマクラ</t>
    </rPh>
    <phoneticPr fontId="5"/>
  </si>
  <si>
    <t>二級河川引地川外</t>
    <rPh sb="0" eb="7">
      <t>ニキュウカセンヒキチカワ</t>
    </rPh>
    <rPh sb="7" eb="8">
      <t>ホカ</t>
    </rPh>
    <phoneticPr fontId="5"/>
  </si>
  <si>
    <t>二級河川境川</t>
    <rPh sb="0" eb="2">
      <t>ニキュウ</t>
    </rPh>
    <rPh sb="2" eb="4">
      <t>カセン</t>
    </rPh>
    <rPh sb="4" eb="5">
      <t>サカイ</t>
    </rPh>
    <rPh sb="5" eb="6">
      <t>カワ</t>
    </rPh>
    <phoneticPr fontId="5"/>
  </si>
  <si>
    <t>湘南海岸砂防林</t>
    <rPh sb="0" eb="2">
      <t>ショウナン</t>
    </rPh>
    <rPh sb="2" eb="4">
      <t>カイガン</t>
    </rPh>
    <rPh sb="4" eb="7">
      <t>サボウリン</t>
    </rPh>
    <phoneticPr fontId="5"/>
  </si>
  <si>
    <t>県道302号（小袋谷藤沢）</t>
    <rPh sb="0" eb="2">
      <t>ケンドウ</t>
    </rPh>
    <rPh sb="5" eb="6">
      <t>ゴウ</t>
    </rPh>
    <rPh sb="7" eb="10">
      <t>コブクロヤ</t>
    </rPh>
    <rPh sb="10" eb="12">
      <t>フジサワ</t>
    </rPh>
    <phoneticPr fontId="5"/>
  </si>
  <si>
    <t>都市計画道路横浜藤沢線</t>
    <rPh sb="0" eb="2">
      <t>トシ</t>
    </rPh>
    <rPh sb="2" eb="4">
      <t>ケイカク</t>
    </rPh>
    <rPh sb="4" eb="6">
      <t>ドウロ</t>
    </rPh>
    <rPh sb="6" eb="11">
      <t>ヨコハマフジサワセン</t>
    </rPh>
    <phoneticPr fontId="5"/>
  </si>
  <si>
    <t>一級河川小出川</t>
    <rPh sb="0" eb="7">
      <t>イッキュウカセンコイデガワ</t>
    </rPh>
    <phoneticPr fontId="5"/>
  </si>
  <si>
    <t>二級河川引地川</t>
    <rPh sb="0" eb="2">
      <t>ニキュウ</t>
    </rPh>
    <rPh sb="2" eb="4">
      <t>カセン</t>
    </rPh>
    <rPh sb="4" eb="6">
      <t>ヒキチ</t>
    </rPh>
    <rPh sb="6" eb="7">
      <t>ガワ</t>
    </rPh>
    <phoneticPr fontId="5"/>
  </si>
  <si>
    <t>二級河川 柏尾川</t>
    <rPh sb="0" eb="2">
      <t>ニキュウ</t>
    </rPh>
    <rPh sb="2" eb="4">
      <t>カセン</t>
    </rPh>
    <rPh sb="5" eb="7">
      <t>カシオ</t>
    </rPh>
    <rPh sb="7" eb="8">
      <t>ガワ</t>
    </rPh>
    <phoneticPr fontId="5"/>
  </si>
  <si>
    <t>植木Ｄ地区</t>
    <rPh sb="0" eb="2">
      <t>ウエキ</t>
    </rPh>
    <rPh sb="3" eb="5">
      <t>チク</t>
    </rPh>
    <phoneticPr fontId="5"/>
  </si>
  <si>
    <t>稲村ガ崎５丁目地区</t>
    <rPh sb="0" eb="2">
      <t>イナムラ</t>
    </rPh>
    <rPh sb="3" eb="4">
      <t>サキ</t>
    </rPh>
    <rPh sb="5" eb="7">
      <t>チョウメ</t>
    </rPh>
    <rPh sb="7" eb="9">
      <t>チク</t>
    </rPh>
    <phoneticPr fontId="5"/>
  </si>
  <si>
    <t>浄明寺１丁目地区</t>
    <rPh sb="0" eb="3">
      <t>ジョウミョウジ</t>
    </rPh>
    <rPh sb="4" eb="6">
      <t>チョウメ</t>
    </rPh>
    <rPh sb="6" eb="8">
      <t>チク</t>
    </rPh>
    <phoneticPr fontId="5"/>
  </si>
  <si>
    <t>二級河川　引地川</t>
    <rPh sb="0" eb="2">
      <t>ニキュウ</t>
    </rPh>
    <rPh sb="2" eb="4">
      <t>カセン</t>
    </rPh>
    <rPh sb="5" eb="7">
      <t>ヒキチ</t>
    </rPh>
    <rPh sb="7" eb="8">
      <t>カワ</t>
    </rPh>
    <phoneticPr fontId="5"/>
  </si>
  <si>
    <t>茅ケ崎里山公園</t>
    <rPh sb="0" eb="7">
      <t>チガサキサトヤマコウエン</t>
    </rPh>
    <phoneticPr fontId="15"/>
  </si>
  <si>
    <t>国道134号外</t>
    <rPh sb="0" eb="2">
      <t>コクドウ</t>
    </rPh>
    <rPh sb="5" eb="6">
      <t>ゴウ</t>
    </rPh>
    <rPh sb="6" eb="7">
      <t>ホカ</t>
    </rPh>
    <phoneticPr fontId="5"/>
  </si>
  <si>
    <t>二級河川　引地川</t>
    <rPh sb="0" eb="2">
      <t>ニキュウ</t>
    </rPh>
    <rPh sb="2" eb="4">
      <t>カセン</t>
    </rPh>
    <rPh sb="5" eb="8">
      <t>ヒキチガワ</t>
    </rPh>
    <phoneticPr fontId="5"/>
  </si>
  <si>
    <t>藤沢土木事務所外</t>
    <rPh sb="0" eb="2">
      <t>フジサワ</t>
    </rPh>
    <rPh sb="2" eb="4">
      <t>ドボク</t>
    </rPh>
    <rPh sb="4" eb="6">
      <t>ジム</t>
    </rPh>
    <rPh sb="6" eb="7">
      <t>ショ</t>
    </rPh>
    <rPh sb="7" eb="8">
      <t>ホカ</t>
    </rPh>
    <phoneticPr fontId="5"/>
  </si>
  <si>
    <t>二級河川　神戸川</t>
    <rPh sb="0" eb="2">
      <t>ニキュウ</t>
    </rPh>
    <rPh sb="2" eb="4">
      <t>カセン</t>
    </rPh>
    <rPh sb="5" eb="7">
      <t>ゴウド</t>
    </rPh>
    <rPh sb="7" eb="8">
      <t>ガワ</t>
    </rPh>
    <phoneticPr fontId="5"/>
  </si>
  <si>
    <t>二級河川　境川</t>
    <rPh sb="0" eb="2">
      <t>ニキュウ</t>
    </rPh>
    <rPh sb="2" eb="4">
      <t>カセン</t>
    </rPh>
    <rPh sb="5" eb="6">
      <t>サカイ</t>
    </rPh>
    <rPh sb="6" eb="7">
      <t>ガワ</t>
    </rPh>
    <phoneticPr fontId="5"/>
  </si>
  <si>
    <t>二級河川　境川</t>
    <rPh sb="0" eb="2">
      <t>ニキュウ</t>
    </rPh>
    <rPh sb="2" eb="4">
      <t>カセン</t>
    </rPh>
    <rPh sb="5" eb="7">
      <t>サカイガワ</t>
    </rPh>
    <phoneticPr fontId="5"/>
  </si>
  <si>
    <t>二級河川　柏尾川</t>
    <rPh sb="0" eb="2">
      <t>ニキュウ</t>
    </rPh>
    <rPh sb="2" eb="4">
      <t>カセン</t>
    </rPh>
    <rPh sb="5" eb="7">
      <t>カシオ</t>
    </rPh>
    <rPh sb="7" eb="8">
      <t>ガワ</t>
    </rPh>
    <phoneticPr fontId="5"/>
  </si>
  <si>
    <t>浄明寺１丁目地区他</t>
    <rPh sb="0" eb="3">
      <t>ジョウミョウジ</t>
    </rPh>
    <rPh sb="4" eb="6">
      <t>チョウメ</t>
    </rPh>
    <rPh sb="6" eb="8">
      <t>チク</t>
    </rPh>
    <rPh sb="8" eb="9">
      <t>ホカ</t>
    </rPh>
    <phoneticPr fontId="5"/>
  </si>
  <si>
    <t>山ノ内東管領屋敷Ｂ地区</t>
    <rPh sb="0" eb="1">
      <t>ヤマ</t>
    </rPh>
    <rPh sb="2" eb="8">
      <t>ウチヒガシカンレイヤシキ</t>
    </rPh>
    <rPh sb="9" eb="11">
      <t>チク</t>
    </rPh>
    <phoneticPr fontId="5"/>
  </si>
  <si>
    <t>大鋸Ｄ地区</t>
    <rPh sb="0" eb="2">
      <t>ダイギリ</t>
    </rPh>
    <rPh sb="3" eb="5">
      <t>チク</t>
    </rPh>
    <phoneticPr fontId="5"/>
  </si>
  <si>
    <t>片瀬地区</t>
    <rPh sb="0" eb="2">
      <t>カタセ</t>
    </rPh>
    <rPh sb="2" eb="4">
      <t>チク</t>
    </rPh>
    <phoneticPr fontId="5"/>
  </si>
  <si>
    <t>茅ケ崎海岸</t>
  </si>
  <si>
    <t>藤沢海岸</t>
    <rPh sb="0" eb="2">
      <t>フジサワ</t>
    </rPh>
    <rPh sb="2" eb="4">
      <t>カイガン</t>
    </rPh>
    <phoneticPr fontId="5"/>
  </si>
  <si>
    <t>藤沢海岸・茅ヶ崎海岸</t>
  </si>
  <si>
    <t>国道134号自転車歩行者道（サイクリングロード）</t>
    <rPh sb="0" eb="2">
      <t>コクドウ</t>
    </rPh>
    <rPh sb="5" eb="6">
      <t>ゴウ</t>
    </rPh>
    <rPh sb="6" eb="9">
      <t>ジテンシャ</t>
    </rPh>
    <rPh sb="9" eb="12">
      <t>ホコウシャ</t>
    </rPh>
    <rPh sb="12" eb="13">
      <t>ドウ</t>
    </rPh>
    <phoneticPr fontId="5"/>
  </si>
  <si>
    <t>湘南海岸公園</t>
  </si>
  <si>
    <t>辻堂海浜公園</t>
    <rPh sb="0" eb="6">
      <t>ツジドウカイヒンコウエン</t>
    </rPh>
    <phoneticPr fontId="1"/>
  </si>
  <si>
    <t>湘南海岸公園</t>
    <rPh sb="0" eb="6">
      <t>ショウナンカイガンコウエン</t>
    </rPh>
    <phoneticPr fontId="1"/>
  </si>
  <si>
    <t>県道22号（横浜伊勢原）外</t>
    <rPh sb="0" eb="2">
      <t>ケンドウ</t>
    </rPh>
    <rPh sb="4" eb="5">
      <t>ゴウ</t>
    </rPh>
    <rPh sb="6" eb="8">
      <t>ヨコハマ</t>
    </rPh>
    <rPh sb="8" eb="11">
      <t>イセハラ</t>
    </rPh>
    <rPh sb="12" eb="13">
      <t>ホカ</t>
    </rPh>
    <phoneticPr fontId="5"/>
  </si>
  <si>
    <t>県道204号（金沢鎌倉）</t>
    <rPh sb="0" eb="2">
      <t>ケンドウ</t>
    </rPh>
    <rPh sb="5" eb="6">
      <t>ゴウ</t>
    </rPh>
    <rPh sb="7" eb="9">
      <t>カナザワ</t>
    </rPh>
    <rPh sb="9" eb="11">
      <t>カマクラ</t>
    </rPh>
    <phoneticPr fontId="5"/>
  </si>
  <si>
    <t>県道402号（阿久和鎌倉）</t>
    <rPh sb="0" eb="2">
      <t>ケンドウ</t>
    </rPh>
    <rPh sb="5" eb="6">
      <t>ゴウ</t>
    </rPh>
    <rPh sb="7" eb="10">
      <t>アクワ</t>
    </rPh>
    <rPh sb="10" eb="12">
      <t>カマクラ</t>
    </rPh>
    <phoneticPr fontId="5"/>
  </si>
  <si>
    <t>県道310号（茅ケ崎停車場茅ケ崎）</t>
    <rPh sb="0" eb="2">
      <t>ケンドウ</t>
    </rPh>
    <rPh sb="5" eb="6">
      <t>ゴウ</t>
    </rPh>
    <rPh sb="7" eb="10">
      <t>チガサキ</t>
    </rPh>
    <rPh sb="10" eb="12">
      <t>テイシャ</t>
    </rPh>
    <rPh sb="12" eb="13">
      <t>バ</t>
    </rPh>
    <rPh sb="13" eb="16">
      <t>チガサキ</t>
    </rPh>
    <phoneticPr fontId="15"/>
  </si>
  <si>
    <t>国道134号　自転車歩行者道（サイクリングロード）</t>
    <rPh sb="0" eb="2">
      <t>コクドウ</t>
    </rPh>
    <rPh sb="5" eb="6">
      <t>ゴウ</t>
    </rPh>
    <rPh sb="7" eb="10">
      <t>ジテンシャ</t>
    </rPh>
    <rPh sb="10" eb="13">
      <t>ホコウシャ</t>
    </rPh>
    <rPh sb="13" eb="14">
      <t>ドウ</t>
    </rPh>
    <phoneticPr fontId="5"/>
  </si>
  <si>
    <t>県道603号（上粕屋厚木）</t>
    <rPh sb="0" eb="2">
      <t>ケンドウ</t>
    </rPh>
    <rPh sb="5" eb="6">
      <t>ゴウ</t>
    </rPh>
    <rPh sb="7" eb="10">
      <t>カミカスヤ</t>
    </rPh>
    <rPh sb="10" eb="12">
      <t>アツギ</t>
    </rPh>
    <phoneticPr fontId="8"/>
  </si>
  <si>
    <t>県道511号（太井上依知）</t>
    <rPh sb="0" eb="2">
      <t>ケンドウ</t>
    </rPh>
    <rPh sb="5" eb="6">
      <t>ゴウ</t>
    </rPh>
    <rPh sb="7" eb="12">
      <t>オオイカミエチ</t>
    </rPh>
    <phoneticPr fontId="8"/>
  </si>
  <si>
    <t>国道412号</t>
    <rPh sb="0" eb="2">
      <t>コクドウ</t>
    </rPh>
    <rPh sb="5" eb="6">
      <t>ゴウ</t>
    </rPh>
    <phoneticPr fontId="21"/>
  </si>
  <si>
    <t>急傾斜地崩壊危険区域「関口」地区</t>
  </si>
  <si>
    <t>一級河川　荻野川</t>
  </si>
  <si>
    <t>一級河川中津川</t>
    <rPh sb="0" eb="2">
      <t>イッキュウ</t>
    </rPh>
    <rPh sb="2" eb="4">
      <t>カセン</t>
    </rPh>
    <rPh sb="4" eb="7">
      <t>ナカツカワ</t>
    </rPh>
    <phoneticPr fontId="8"/>
  </si>
  <si>
    <t>県道603号（上粕屋厚木）</t>
    <rPh sb="0" eb="2">
      <t>ケンドウ</t>
    </rPh>
    <rPh sb="5" eb="6">
      <t>ゴウ</t>
    </rPh>
    <rPh sb="7" eb="10">
      <t>カミカスヤ</t>
    </rPh>
    <rPh sb="10" eb="12">
      <t>アツギ</t>
    </rPh>
    <phoneticPr fontId="21"/>
  </si>
  <si>
    <t>県道63号（相模原大磯）</t>
    <rPh sb="0" eb="2">
      <t>ケンドウ</t>
    </rPh>
    <rPh sb="4" eb="5">
      <t>ゴウ</t>
    </rPh>
    <rPh sb="6" eb="9">
      <t>サガミハラ</t>
    </rPh>
    <rPh sb="9" eb="11">
      <t>オオイソ</t>
    </rPh>
    <phoneticPr fontId="21"/>
  </si>
  <si>
    <t>県道60号（厚木清川）</t>
    <rPh sb="0" eb="2">
      <t>ケンドウ</t>
    </rPh>
    <rPh sb="4" eb="5">
      <t>ゴウ</t>
    </rPh>
    <rPh sb="6" eb="8">
      <t>アツギ</t>
    </rPh>
    <rPh sb="8" eb="10">
      <t>キヨカワ</t>
    </rPh>
    <phoneticPr fontId="21"/>
  </si>
  <si>
    <t>県道64号（伊勢原津久井）</t>
    <rPh sb="0" eb="2">
      <t>ケンドウ</t>
    </rPh>
    <rPh sb="4" eb="5">
      <t>ゴウ</t>
    </rPh>
    <rPh sb="6" eb="9">
      <t>イセハラ</t>
    </rPh>
    <rPh sb="9" eb="12">
      <t>ツクイ</t>
    </rPh>
    <phoneticPr fontId="8"/>
  </si>
  <si>
    <t>県道601号（酒井金田）</t>
    <rPh sb="0" eb="2">
      <t>ケンドウ</t>
    </rPh>
    <rPh sb="5" eb="6">
      <t>ゴウ</t>
    </rPh>
    <rPh sb="7" eb="9">
      <t>サカイ</t>
    </rPh>
    <rPh sb="9" eb="11">
      <t>カネダ</t>
    </rPh>
    <phoneticPr fontId="21"/>
  </si>
  <si>
    <t>県道601号（酒井金田）</t>
    <rPh sb="0" eb="2">
      <t>ケンドウ</t>
    </rPh>
    <rPh sb="5" eb="6">
      <t>ゴウ</t>
    </rPh>
    <rPh sb="7" eb="9">
      <t>サカイ</t>
    </rPh>
    <rPh sb="9" eb="11">
      <t>カネダ</t>
    </rPh>
    <phoneticPr fontId="8"/>
  </si>
  <si>
    <t>県立七沢森林公園</t>
    <rPh sb="0" eb="2">
      <t>ケンリツ</t>
    </rPh>
    <rPh sb="2" eb="4">
      <t>ナナサワ</t>
    </rPh>
    <rPh sb="4" eb="6">
      <t>シンリン</t>
    </rPh>
    <rPh sb="6" eb="8">
      <t>コウエン</t>
    </rPh>
    <phoneticPr fontId="8"/>
  </si>
  <si>
    <t>一級河川　玉川</t>
    <rPh sb="5" eb="7">
      <t>タマガワ</t>
    </rPh>
    <phoneticPr fontId="21"/>
  </si>
  <si>
    <t>一級河川　玉川</t>
  </si>
  <si>
    <t>一級河川　小鮎川</t>
    <rPh sb="0" eb="2">
      <t>イッキュウ</t>
    </rPh>
    <rPh sb="2" eb="4">
      <t>カセン</t>
    </rPh>
    <rPh sb="5" eb="8">
      <t>コアユガワ</t>
    </rPh>
    <phoneticPr fontId="8"/>
  </si>
  <si>
    <t>県道601号（酒井金田）</t>
  </si>
  <si>
    <t>県道604号（愛甲石田停車場酒井）</t>
    <rPh sb="0" eb="2">
      <t>ケンドウ</t>
    </rPh>
    <rPh sb="5" eb="6">
      <t>ゴウ</t>
    </rPh>
    <rPh sb="7" eb="9">
      <t>アイコウ</t>
    </rPh>
    <rPh sb="9" eb="11">
      <t>イシダ</t>
    </rPh>
    <rPh sb="11" eb="14">
      <t>テイシャジョウ</t>
    </rPh>
    <rPh sb="14" eb="16">
      <t>サカイ</t>
    </rPh>
    <phoneticPr fontId="21"/>
  </si>
  <si>
    <t>一級河川玉川外</t>
    <rPh sb="0" eb="2">
      <t>イッキュウ</t>
    </rPh>
    <rPh sb="2" eb="4">
      <t>カセン</t>
    </rPh>
    <rPh sb="4" eb="6">
      <t>タマガワ</t>
    </rPh>
    <rPh sb="6" eb="7">
      <t>ホカ</t>
    </rPh>
    <phoneticPr fontId="8"/>
  </si>
  <si>
    <t>一級河川相模川・中津川</t>
    <rPh sb="0" eb="2">
      <t>イッキュウ</t>
    </rPh>
    <rPh sb="2" eb="4">
      <t>カセン</t>
    </rPh>
    <rPh sb="4" eb="7">
      <t>サガミガワ</t>
    </rPh>
    <rPh sb="8" eb="11">
      <t>ナカツガワ</t>
    </rPh>
    <phoneticPr fontId="8"/>
  </si>
  <si>
    <t>県道６４号（伊勢原津久井）</t>
    <rPh sb="0" eb="2">
      <t>ケンドウ</t>
    </rPh>
    <rPh sb="4" eb="5">
      <t>ゴウ</t>
    </rPh>
    <rPh sb="6" eb="9">
      <t>イセハラ</t>
    </rPh>
    <rPh sb="9" eb="12">
      <t>ツクイ</t>
    </rPh>
    <phoneticPr fontId="21"/>
  </si>
  <si>
    <t>国道129号</t>
    <rPh sb="0" eb="2">
      <t>コクドウ</t>
    </rPh>
    <rPh sb="5" eb="6">
      <t>ゴウ</t>
    </rPh>
    <phoneticPr fontId="8"/>
  </si>
  <si>
    <t>国道129号他</t>
    <rPh sb="0" eb="2">
      <t>コクドウ</t>
    </rPh>
    <rPh sb="5" eb="6">
      <t>ゴウ</t>
    </rPh>
    <rPh sb="6" eb="7">
      <t>ホカ</t>
    </rPh>
    <phoneticPr fontId="8"/>
  </si>
  <si>
    <t>県道64号（伊勢原津久井）古在家バイパス</t>
  </si>
  <si>
    <t>県道64号（伊勢原津久井）古在家バイパス</t>
    <rPh sb="13" eb="16">
      <t>コザイケ</t>
    </rPh>
    <phoneticPr fontId="10"/>
  </si>
  <si>
    <t>県道63号（相模原大磯）他</t>
    <rPh sb="0" eb="2">
      <t>ケンドウ</t>
    </rPh>
    <rPh sb="4" eb="5">
      <t>ゴウ</t>
    </rPh>
    <rPh sb="6" eb="9">
      <t>サガミハラ</t>
    </rPh>
    <rPh sb="9" eb="11">
      <t>オオイソ</t>
    </rPh>
    <rPh sb="12" eb="13">
      <t>ホカ</t>
    </rPh>
    <phoneticPr fontId="8"/>
  </si>
  <si>
    <t>県道514号（宮ケ瀬愛川）</t>
    <rPh sb="0" eb="2">
      <t>ケンドウ</t>
    </rPh>
    <rPh sb="5" eb="6">
      <t>ゴウ</t>
    </rPh>
    <rPh sb="7" eb="10">
      <t>ミヤガセ</t>
    </rPh>
    <rPh sb="10" eb="12">
      <t>アイカワ</t>
    </rPh>
    <phoneticPr fontId="8"/>
  </si>
  <si>
    <t>県道64号（伊勢原津久井）古在家バイパス</t>
    <rPh sb="0" eb="2">
      <t>ケンドウ</t>
    </rPh>
    <rPh sb="4" eb="5">
      <t>ゴウ</t>
    </rPh>
    <rPh sb="6" eb="12">
      <t>イセハラツクイ</t>
    </rPh>
    <rPh sb="13" eb="14">
      <t>コ</t>
    </rPh>
    <rPh sb="14" eb="16">
      <t>ザイケ</t>
    </rPh>
    <phoneticPr fontId="0"/>
  </si>
  <si>
    <t>県道64号（伊勢原津久井）</t>
    <rPh sb="0" eb="2">
      <t>ケンドウ</t>
    </rPh>
    <rPh sb="6" eb="9">
      <t>イセハラ</t>
    </rPh>
    <rPh sb="9" eb="12">
      <t>ツクイ</t>
    </rPh>
    <phoneticPr fontId="8"/>
  </si>
  <si>
    <t>急傾斜地崩壊危険区域　関口地区</t>
    <rPh sb="0" eb="1">
      <t>キュウ</t>
    </rPh>
    <rPh sb="1" eb="4">
      <t>ケイシャチ</t>
    </rPh>
    <rPh sb="4" eb="6">
      <t>ホウカイ</t>
    </rPh>
    <rPh sb="6" eb="8">
      <t>キケン</t>
    </rPh>
    <rPh sb="8" eb="10">
      <t>クイキ</t>
    </rPh>
    <rPh sb="11" eb="13">
      <t>セキグチ</t>
    </rPh>
    <rPh sb="13" eb="15">
      <t>チク</t>
    </rPh>
    <phoneticPr fontId="8"/>
  </si>
  <si>
    <t>急傾斜地崩壊危険区域　下川入B地区</t>
    <rPh sb="0" eb="1">
      <t>キュウ</t>
    </rPh>
    <rPh sb="1" eb="4">
      <t>ケイシャチ</t>
    </rPh>
    <rPh sb="4" eb="6">
      <t>ホウカイ</t>
    </rPh>
    <rPh sb="6" eb="8">
      <t>キケン</t>
    </rPh>
    <rPh sb="8" eb="10">
      <t>クイキ</t>
    </rPh>
    <rPh sb="11" eb="14">
      <t>シモカワイリ</t>
    </rPh>
    <rPh sb="15" eb="17">
      <t>チク</t>
    </rPh>
    <phoneticPr fontId="21"/>
  </si>
  <si>
    <t>一級河川　相模川</t>
    <rPh sb="0" eb="2">
      <t>イチキュウ</t>
    </rPh>
    <rPh sb="2" eb="4">
      <t>カセン</t>
    </rPh>
    <rPh sb="5" eb="7">
      <t>サガミ</t>
    </rPh>
    <rPh sb="7" eb="8">
      <t>カワ</t>
    </rPh>
    <phoneticPr fontId="8"/>
  </si>
  <si>
    <t>県道42号（藤沢座間厚木）</t>
    <rPh sb="0" eb="2">
      <t>ケンドウ</t>
    </rPh>
    <rPh sb="4" eb="5">
      <t>ゴウ</t>
    </rPh>
    <rPh sb="6" eb="8">
      <t>フジサワ</t>
    </rPh>
    <rPh sb="8" eb="10">
      <t>ザマ</t>
    </rPh>
    <rPh sb="10" eb="12">
      <t>アツギ</t>
    </rPh>
    <phoneticPr fontId="21"/>
  </si>
  <si>
    <t>県道22号（横浜伊勢原）</t>
    <rPh sb="0" eb="2">
      <t>ケンドウ</t>
    </rPh>
    <rPh sb="4" eb="5">
      <t>ゴウ</t>
    </rPh>
    <rPh sb="6" eb="8">
      <t>ヨコハマ</t>
    </rPh>
    <rPh sb="8" eb="11">
      <t>イセハラ</t>
    </rPh>
    <phoneticPr fontId="21"/>
  </si>
  <si>
    <t>県道43号(藤沢厚木)</t>
    <rPh sb="0" eb="2">
      <t>ケンドウ</t>
    </rPh>
    <rPh sb="4" eb="5">
      <t>ゴウ</t>
    </rPh>
    <rPh sb="6" eb="8">
      <t>フジサワ</t>
    </rPh>
    <rPh sb="8" eb="10">
      <t>アツギ</t>
    </rPh>
    <phoneticPr fontId="8"/>
  </si>
  <si>
    <t>県道64号（伊勢原津久井）</t>
    <rPh sb="0" eb="2">
      <t>ケンドウ</t>
    </rPh>
    <rPh sb="4" eb="5">
      <t>ゴウ</t>
    </rPh>
    <rPh sb="6" eb="9">
      <t>イセハラ</t>
    </rPh>
    <rPh sb="9" eb="12">
      <t>ツクイ</t>
    </rPh>
    <phoneticPr fontId="21"/>
  </si>
  <si>
    <t>県立あいかわ公園</t>
    <rPh sb="0" eb="2">
      <t>ケンリツ</t>
    </rPh>
    <rPh sb="6" eb="8">
      <t>コウエン</t>
    </rPh>
    <phoneticPr fontId="8"/>
  </si>
  <si>
    <t>一級河川玉川</t>
    <rPh sb="0" eb="6">
      <t>イッキュウカセンタマガワ</t>
    </rPh>
    <phoneticPr fontId="8"/>
  </si>
  <si>
    <t>一級河川小鮎川他</t>
    <rPh sb="0" eb="2">
      <t>イッキュウ</t>
    </rPh>
    <rPh sb="2" eb="4">
      <t>カセン</t>
    </rPh>
    <rPh sb="4" eb="6">
      <t>コアユ</t>
    </rPh>
    <rPh sb="6" eb="7">
      <t>カワ</t>
    </rPh>
    <rPh sb="7" eb="8">
      <t>ホカ</t>
    </rPh>
    <phoneticPr fontId="8"/>
  </si>
  <si>
    <t>一級河川相模川</t>
    <rPh sb="0" eb="2">
      <t>イチキュウ</t>
    </rPh>
    <rPh sb="2" eb="4">
      <t>カセン</t>
    </rPh>
    <rPh sb="4" eb="6">
      <t>サガミ</t>
    </rPh>
    <rPh sb="6" eb="7">
      <t>カワ</t>
    </rPh>
    <phoneticPr fontId="21"/>
  </si>
  <si>
    <t>一級河川中津川</t>
    <rPh sb="0" eb="2">
      <t>イチキュウ</t>
    </rPh>
    <rPh sb="2" eb="4">
      <t>カセン</t>
    </rPh>
    <phoneticPr fontId="21"/>
  </si>
  <si>
    <t>相模三川公園</t>
    <rPh sb="0" eb="6">
      <t>サガミサンセンコウエン</t>
    </rPh>
    <phoneticPr fontId="8"/>
  </si>
  <si>
    <t>二級河川境川</t>
    <rPh sb="0" eb="2">
      <t>２キュウ</t>
    </rPh>
    <rPh sb="2" eb="4">
      <t>カセン</t>
    </rPh>
    <rPh sb="4" eb="6">
      <t>サカイガワ</t>
    </rPh>
    <phoneticPr fontId="8"/>
  </si>
  <si>
    <t>二級河川引地川</t>
    <rPh sb="0" eb="2">
      <t>ニキュウ</t>
    </rPh>
    <rPh sb="2" eb="4">
      <t>カセン</t>
    </rPh>
    <rPh sb="4" eb="6">
      <t>ヒキチ</t>
    </rPh>
    <rPh sb="6" eb="7">
      <t>ガワ</t>
    </rPh>
    <phoneticPr fontId="8"/>
  </si>
  <si>
    <t>県道42号（藤沢座間厚木）</t>
    <rPh sb="0" eb="2">
      <t>ケンドウ</t>
    </rPh>
    <rPh sb="4" eb="5">
      <t>ゴウ</t>
    </rPh>
    <rPh sb="6" eb="8">
      <t>フジサワ</t>
    </rPh>
    <rPh sb="8" eb="10">
      <t>ザマ</t>
    </rPh>
    <rPh sb="10" eb="12">
      <t>アツギ</t>
    </rPh>
    <phoneticPr fontId="8"/>
  </si>
  <si>
    <t>県道406号（吉岡海老名）</t>
    <rPh sb="0" eb="2">
      <t>ケンドウ</t>
    </rPh>
    <rPh sb="5" eb="6">
      <t>ゴウ</t>
    </rPh>
    <rPh sb="7" eb="9">
      <t>ヨシオカ</t>
    </rPh>
    <rPh sb="9" eb="12">
      <t>エビナ</t>
    </rPh>
    <phoneticPr fontId="8"/>
  </si>
  <si>
    <t>県道42号（藤沢座間厚木）</t>
    <rPh sb="0" eb="2">
      <t>ケンドウ</t>
    </rPh>
    <rPh sb="4" eb="5">
      <t>ゴウ</t>
    </rPh>
    <rPh sb="6" eb="12">
      <t>フジサワザマアツギ</t>
    </rPh>
    <phoneticPr fontId="8"/>
  </si>
  <si>
    <t>座間谷戸山公園</t>
    <rPh sb="0" eb="7">
      <t>ザマヤトヤマコウエン</t>
    </rPh>
    <phoneticPr fontId="8"/>
  </si>
  <si>
    <t>二級河川引地川</t>
    <rPh sb="0" eb="7">
      <t>ニキュウカセンヒキチガワ</t>
    </rPh>
    <phoneticPr fontId="8"/>
  </si>
  <si>
    <t>県道45号（丸子中山茅ケ崎）</t>
    <rPh sb="0" eb="2">
      <t>ケンドウ</t>
    </rPh>
    <rPh sb="4" eb="5">
      <t>ゴウ</t>
    </rPh>
    <rPh sb="6" eb="8">
      <t>マルコ</t>
    </rPh>
    <rPh sb="8" eb="10">
      <t>ナカヤマ</t>
    </rPh>
    <rPh sb="10" eb="13">
      <t>チガサキ</t>
    </rPh>
    <phoneticPr fontId="6"/>
  </si>
  <si>
    <t>県道42号（藤沢座間厚木）</t>
    <rPh sb="0" eb="2">
      <t>ケンドウ</t>
    </rPh>
    <rPh sb="4" eb="5">
      <t>ゴウ</t>
    </rPh>
    <rPh sb="5" eb="6">
      <t>コクゴウ</t>
    </rPh>
    <rPh sb="6" eb="8">
      <t>フジサワ</t>
    </rPh>
    <rPh sb="8" eb="10">
      <t>ザマ</t>
    </rPh>
    <rPh sb="10" eb="12">
      <t>アツギ</t>
    </rPh>
    <phoneticPr fontId="8"/>
  </si>
  <si>
    <t>都市計画道路丸子中山茅ケ崎線</t>
  </si>
  <si>
    <t>都市計画道路丸子中山茅ヶ崎線</t>
    <rPh sb="10" eb="13">
      <t>チガサキ</t>
    </rPh>
    <phoneticPr fontId="5"/>
  </si>
  <si>
    <t>県道40号（横浜厚木）</t>
    <rPh sb="0" eb="2">
      <t>ケンドウ</t>
    </rPh>
    <rPh sb="4" eb="5">
      <t>ゴウ</t>
    </rPh>
    <rPh sb="5" eb="6">
      <t>コクゴウ</t>
    </rPh>
    <rPh sb="6" eb="8">
      <t>ヨコハマ</t>
    </rPh>
    <rPh sb="8" eb="10">
      <t>アツギ</t>
    </rPh>
    <phoneticPr fontId="8"/>
  </si>
  <si>
    <t>県道56号（目黒町町田）</t>
    <rPh sb="4" eb="5">
      <t>ゴウ</t>
    </rPh>
    <rPh sb="6" eb="8">
      <t>メグロ</t>
    </rPh>
    <rPh sb="8" eb="9">
      <t>チョウ</t>
    </rPh>
    <rPh sb="9" eb="11">
      <t>マチダ</t>
    </rPh>
    <phoneticPr fontId="8"/>
  </si>
  <si>
    <t>県道50号（座間大和）</t>
    <rPh sb="0" eb="2">
      <t>ケンドウ</t>
    </rPh>
    <rPh sb="4" eb="5">
      <t>ゴウ</t>
    </rPh>
    <rPh sb="6" eb="8">
      <t>ザマ</t>
    </rPh>
    <rPh sb="8" eb="10">
      <t>ヤマト</t>
    </rPh>
    <phoneticPr fontId="8"/>
  </si>
  <si>
    <t>県道46号（相模原茅ケ崎）</t>
    <rPh sb="0" eb="2">
      <t>ケンドウ</t>
    </rPh>
    <rPh sb="4" eb="5">
      <t>ゴウ</t>
    </rPh>
    <rPh sb="6" eb="9">
      <t>サガミハラ</t>
    </rPh>
    <rPh sb="9" eb="12">
      <t>チガサキ</t>
    </rPh>
    <phoneticPr fontId="8"/>
  </si>
  <si>
    <t>栗原中央５丁目地区</t>
    <rPh sb="0" eb="2">
      <t>クリハラ</t>
    </rPh>
    <rPh sb="2" eb="4">
      <t>チュウオウ</t>
    </rPh>
    <rPh sb="5" eb="7">
      <t>チョウメ</t>
    </rPh>
    <rPh sb="7" eb="9">
      <t>チク</t>
    </rPh>
    <phoneticPr fontId="8"/>
  </si>
  <si>
    <t>都市計画道路丸子中山茅ヶ崎線</t>
  </si>
  <si>
    <t>県道46号（相模原茅ケ崎）</t>
  </si>
  <si>
    <t>県道40号（横浜厚木）</t>
    <rPh sb="6" eb="8">
      <t>ヨコハマ</t>
    </rPh>
    <phoneticPr fontId="8"/>
  </si>
  <si>
    <t>県道45号（丸子中山茅ケ崎）他</t>
    <rPh sb="6" eb="8">
      <t>マルコ</t>
    </rPh>
    <rPh sb="8" eb="10">
      <t>ナカヤマ</t>
    </rPh>
    <rPh sb="10" eb="13">
      <t>チガサキ</t>
    </rPh>
    <rPh sb="14" eb="15">
      <t>ホカ</t>
    </rPh>
    <phoneticPr fontId="8"/>
  </si>
  <si>
    <t>厚木土木事務所東部センター他</t>
    <rPh sb="0" eb="9">
      <t>アツギドボクジムショトウブ</t>
    </rPh>
    <rPh sb="13" eb="14">
      <t>ホカ</t>
    </rPh>
    <phoneticPr fontId="8"/>
  </si>
  <si>
    <t>二級河川境川他</t>
    <rPh sb="0" eb="6">
      <t>ニキュウカセンサカイガワ</t>
    </rPh>
    <rPh sb="6" eb="7">
      <t>ホカ</t>
    </rPh>
    <phoneticPr fontId="8"/>
  </si>
  <si>
    <t>砂防指定地道志川（音久和堰堤）</t>
    <rPh sb="9" eb="10">
      <t>オト</t>
    </rPh>
    <rPh sb="10" eb="11">
      <t>ヒサ</t>
    </rPh>
    <rPh sb="11" eb="12">
      <t>ワ</t>
    </rPh>
    <rPh sb="12" eb="14">
      <t>エンテイ</t>
    </rPh>
    <phoneticPr fontId="11"/>
  </si>
  <si>
    <t>牧野上ノ久保地区</t>
    <rPh sb="0" eb="2">
      <t>マキノ</t>
    </rPh>
    <rPh sb="2" eb="3">
      <t>カミ</t>
    </rPh>
    <rPh sb="4" eb="6">
      <t>クボ</t>
    </rPh>
    <rPh sb="6" eb="8">
      <t>チク</t>
    </rPh>
    <phoneticPr fontId="8"/>
  </si>
  <si>
    <t>県立津久井湖城山公園</t>
    <rPh sb="0" eb="2">
      <t>ケンリツ</t>
    </rPh>
    <rPh sb="2" eb="10">
      <t>ツクイ</t>
    </rPh>
    <phoneticPr fontId="8"/>
  </si>
  <si>
    <t>砂防指定地沢井川</t>
  </si>
  <si>
    <t>二級河川境川</t>
    <rPh sb="0" eb="6">
      <t>ニキュウカセンサカイガワ</t>
    </rPh>
    <phoneticPr fontId="8"/>
  </si>
  <si>
    <t>県立津久井湖城山公園</t>
    <rPh sb="0" eb="2">
      <t>ケンリツ</t>
    </rPh>
    <rPh sb="2" eb="10">
      <t>ツクイコ</t>
    </rPh>
    <phoneticPr fontId="8"/>
  </si>
  <si>
    <t>一級河川串川</t>
    <rPh sb="0" eb="2">
      <t>イッキュウ</t>
    </rPh>
    <rPh sb="2" eb="4">
      <t>カセン</t>
    </rPh>
    <rPh sb="4" eb="5">
      <t>クシ</t>
    </rPh>
    <rPh sb="5" eb="6">
      <t>カワ</t>
    </rPh>
    <phoneticPr fontId="8"/>
  </si>
  <si>
    <t>一級河川串川</t>
    <rPh sb="0" eb="4">
      <t>イッキュウカセン</t>
    </rPh>
    <rPh sb="4" eb="6">
      <t>クシカワ</t>
    </rPh>
    <phoneticPr fontId="8"/>
  </si>
  <si>
    <t>県立津久井湖城山公園</t>
    <rPh sb="0" eb="2">
      <t>ケンリツ</t>
    </rPh>
    <rPh sb="2" eb="10">
      <t>ツクイコシロヤマコウエン</t>
    </rPh>
    <phoneticPr fontId="8"/>
  </si>
  <si>
    <t>一級河川
串川</t>
    <rPh sb="0" eb="2">
      <t>イッキュウ</t>
    </rPh>
    <rPh sb="2" eb="4">
      <t>カセン</t>
    </rPh>
    <rPh sb="5" eb="6">
      <t>クシ</t>
    </rPh>
    <rPh sb="6" eb="7">
      <t>カワ</t>
    </rPh>
    <phoneticPr fontId="8"/>
  </si>
  <si>
    <t>一級河川鳩川</t>
    <rPh sb="0" eb="2">
      <t>イッキュウ</t>
    </rPh>
    <rPh sb="2" eb="4">
      <t>カセン</t>
    </rPh>
    <rPh sb="4" eb="5">
      <t>ハト</t>
    </rPh>
    <rPh sb="5" eb="6">
      <t>カワ</t>
    </rPh>
    <phoneticPr fontId="8"/>
  </si>
  <si>
    <t>二級河川　境川</t>
    <rPh sb="0" eb="2">
      <t>ニキュウ</t>
    </rPh>
    <rPh sb="2" eb="4">
      <t>カセン</t>
    </rPh>
    <rPh sb="5" eb="7">
      <t>サカイガワ</t>
    </rPh>
    <phoneticPr fontId="8"/>
  </si>
  <si>
    <t>二級河川　境川（風間遊水地）他</t>
    <rPh sb="0" eb="2">
      <t>ニキュウ</t>
    </rPh>
    <rPh sb="2" eb="4">
      <t>カセン</t>
    </rPh>
    <rPh sb="5" eb="7">
      <t>サカイガワ</t>
    </rPh>
    <rPh sb="8" eb="10">
      <t>カザマ</t>
    </rPh>
    <rPh sb="10" eb="13">
      <t>ユウスイチ</t>
    </rPh>
    <rPh sb="14" eb="15">
      <t>ホカ</t>
    </rPh>
    <phoneticPr fontId="8"/>
  </si>
  <si>
    <t>砂防指定地谷山国有林第一沢</t>
  </si>
  <si>
    <t>県道729号（山北山中湖）</t>
    <rPh sb="0" eb="2">
      <t>ケンドウ</t>
    </rPh>
    <rPh sb="5" eb="6">
      <t>ゴウ</t>
    </rPh>
    <rPh sb="7" eb="9">
      <t>ヤマキタ</t>
    </rPh>
    <rPh sb="9" eb="12">
      <t>ヤマナカコ</t>
    </rPh>
    <phoneticPr fontId="10"/>
  </si>
  <si>
    <t>県道714号（栢山停車場曽我）</t>
    <rPh sb="0" eb="2">
      <t>ケンドウ</t>
    </rPh>
    <rPh sb="5" eb="6">
      <t>ゴウ</t>
    </rPh>
    <rPh sb="7" eb="9">
      <t>カヤマ</t>
    </rPh>
    <rPh sb="9" eb="12">
      <t>テイシャジョウ</t>
    </rPh>
    <rPh sb="12" eb="14">
      <t>ソガ</t>
    </rPh>
    <phoneticPr fontId="10"/>
  </si>
  <si>
    <t>二級河川　洞川</t>
  </si>
  <si>
    <t>砂防指定地　太刀洗川</t>
    <rPh sb="0" eb="2">
      <t>サボウ</t>
    </rPh>
    <rPh sb="2" eb="5">
      <t>シテイチ</t>
    </rPh>
    <rPh sb="6" eb="9">
      <t>タチアライ</t>
    </rPh>
    <rPh sb="9" eb="10">
      <t>ガワ</t>
    </rPh>
    <phoneticPr fontId="10"/>
  </si>
  <si>
    <t>県道72号（松田国府津）</t>
  </si>
  <si>
    <t>県道74号（小田原山北）</t>
  </si>
  <si>
    <t>県道76号（山北藤野）</t>
  </si>
  <si>
    <t>国道255号</t>
    <rPh sb="0" eb="2">
      <t>コクドウ</t>
    </rPh>
    <rPh sb="5" eb="6">
      <t>ゴウ</t>
    </rPh>
    <phoneticPr fontId="10"/>
  </si>
  <si>
    <t>県道72号(松田国府津)</t>
    <rPh sb="0" eb="12">
      <t>７２．．</t>
    </rPh>
    <phoneticPr fontId="10"/>
  </si>
  <si>
    <t>県道711号(小田原松田)</t>
    <rPh sb="0" eb="13">
      <t>７１１．．</t>
    </rPh>
    <phoneticPr fontId="10"/>
  </si>
  <si>
    <t>二級河川　河内川</t>
    <rPh sb="0" eb="2">
      <t>ニキュウ</t>
    </rPh>
    <rPh sb="2" eb="4">
      <t>カセン</t>
    </rPh>
    <rPh sb="5" eb="7">
      <t>コウチ</t>
    </rPh>
    <rPh sb="7" eb="8">
      <t>カワ</t>
    </rPh>
    <phoneticPr fontId="10"/>
  </si>
  <si>
    <t>金子地区</t>
    <rPh sb="0" eb="2">
      <t>カネコ</t>
    </rPh>
    <rPh sb="2" eb="4">
      <t>チク</t>
    </rPh>
    <phoneticPr fontId="10"/>
  </si>
  <si>
    <t>県道74号（小田原山北）</t>
    <rPh sb="0" eb="2">
      <t>ケンドウ</t>
    </rPh>
    <rPh sb="4" eb="5">
      <t>ゴウ</t>
    </rPh>
    <rPh sb="6" eb="11">
      <t>オダワラヤマキタ</t>
    </rPh>
    <phoneticPr fontId="10"/>
  </si>
  <si>
    <t>砂防指定地　東沢</t>
    <rPh sb="0" eb="2">
      <t>サボウ</t>
    </rPh>
    <rPh sb="2" eb="5">
      <t>シテイチ</t>
    </rPh>
    <rPh sb="6" eb="8">
      <t>ヒガシサワ</t>
    </rPh>
    <phoneticPr fontId="5"/>
  </si>
  <si>
    <t>砂防指定地　河内川</t>
    <rPh sb="0" eb="2">
      <t>サボウ</t>
    </rPh>
    <rPh sb="2" eb="5">
      <t>シテイチ</t>
    </rPh>
    <rPh sb="6" eb="8">
      <t>コウチ</t>
    </rPh>
    <rPh sb="8" eb="9">
      <t>カワ</t>
    </rPh>
    <phoneticPr fontId="10"/>
  </si>
  <si>
    <t>県道71号（秦野二宮）</t>
  </si>
  <si>
    <t>県道７１号（秦野二宮）</t>
    <rPh sb="0" eb="11">
      <t>７１．．</t>
    </rPh>
    <phoneticPr fontId="10"/>
  </si>
  <si>
    <t>砂防指定地　ウナイ沢</t>
    <rPh sb="0" eb="2">
      <t>サボウ</t>
    </rPh>
    <rPh sb="2" eb="5">
      <t>シテイチ</t>
    </rPh>
    <rPh sb="9" eb="10">
      <t>サワ</t>
    </rPh>
    <phoneticPr fontId="5"/>
  </si>
  <si>
    <t>二級河川　狩川</t>
    <rPh sb="0" eb="2">
      <t>ニキュウ</t>
    </rPh>
    <rPh sb="2" eb="4">
      <t>カセン</t>
    </rPh>
    <rPh sb="5" eb="7">
      <t>カリカワ</t>
    </rPh>
    <phoneticPr fontId="10"/>
  </si>
  <si>
    <t>二級河川　狩川他</t>
    <rPh sb="0" eb="2">
      <t>ニキュウ</t>
    </rPh>
    <rPh sb="2" eb="4">
      <t>カセン</t>
    </rPh>
    <rPh sb="5" eb="6">
      <t>カリ</t>
    </rPh>
    <rPh sb="6" eb="7">
      <t>カワ</t>
    </rPh>
    <rPh sb="7" eb="8">
      <t>ホカ</t>
    </rPh>
    <phoneticPr fontId="10"/>
  </si>
  <si>
    <t>砂防指定地　菩提沢</t>
  </si>
  <si>
    <t>県道726号（矢倉沢山北）</t>
    <rPh sb="0" eb="2">
      <t>ケンドウ</t>
    </rPh>
    <rPh sb="5" eb="6">
      <t>ゴウ</t>
    </rPh>
    <rPh sb="7" eb="8">
      <t>ヤ</t>
    </rPh>
    <rPh sb="8" eb="10">
      <t>クラサワ</t>
    </rPh>
    <rPh sb="10" eb="12">
      <t>ヤマキタ</t>
    </rPh>
    <phoneticPr fontId="10"/>
  </si>
  <si>
    <t>県道77号
（平塚松田）</t>
    <rPh sb="0" eb="2">
      <t>ケンドウ</t>
    </rPh>
    <rPh sb="4" eb="5">
      <t>ゴウ</t>
    </rPh>
    <rPh sb="7" eb="9">
      <t>ヒラツカ</t>
    </rPh>
    <rPh sb="9" eb="11">
      <t>マツダ</t>
    </rPh>
    <phoneticPr fontId="10"/>
  </si>
  <si>
    <t>県道７６号(山北藤野）</t>
    <rPh sb="0" eb="2">
      <t>ケンドウ</t>
    </rPh>
    <rPh sb="4" eb="5">
      <t>ゴウ</t>
    </rPh>
    <rPh sb="6" eb="8">
      <t>ヤマキタ</t>
    </rPh>
    <rPh sb="8" eb="10">
      <t>フジノ</t>
    </rPh>
    <phoneticPr fontId="10"/>
  </si>
  <si>
    <t>県道74号（小田原山北）</t>
    <rPh sb="0" eb="2">
      <t>ケンドウ</t>
    </rPh>
    <rPh sb="4" eb="5">
      <t>ゴウ</t>
    </rPh>
    <rPh sb="6" eb="9">
      <t>オダワラ</t>
    </rPh>
    <rPh sb="9" eb="11">
      <t>ヤマキタ</t>
    </rPh>
    <phoneticPr fontId="10"/>
  </si>
  <si>
    <t>二級河川　酒匂川</t>
    <rPh sb="0" eb="2">
      <t>ニキュウ</t>
    </rPh>
    <rPh sb="2" eb="4">
      <t>カセン</t>
    </rPh>
    <rPh sb="5" eb="7">
      <t>サカワ</t>
    </rPh>
    <rPh sb="7" eb="8">
      <t>ガワ</t>
    </rPh>
    <phoneticPr fontId="10"/>
  </si>
  <si>
    <t>県道71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10"/>
  </si>
  <si>
    <t>県道721号（東山北停車場）</t>
    <rPh sb="0" eb="2">
      <t>ケンドウ</t>
    </rPh>
    <rPh sb="5" eb="6">
      <t>ゴウ</t>
    </rPh>
    <rPh sb="7" eb="13">
      <t>ヒガシヤマキタテイシャジョウ</t>
    </rPh>
    <phoneticPr fontId="10"/>
  </si>
  <si>
    <t>県道731号（矢倉沢仙石原）</t>
    <rPh sb="0" eb="2">
      <t>ケンドウ</t>
    </rPh>
    <rPh sb="5" eb="6">
      <t>ゴウ</t>
    </rPh>
    <rPh sb="7" eb="13">
      <t>ヤグラサワセンゴクハラ</t>
    </rPh>
    <phoneticPr fontId="10"/>
  </si>
  <si>
    <t>（都）金子開成和田河原線</t>
    <rPh sb="1" eb="2">
      <t>ト</t>
    </rPh>
    <rPh sb="3" eb="12">
      <t>カネコカイセイワダガワラセン</t>
    </rPh>
    <phoneticPr fontId="10"/>
  </si>
  <si>
    <t>向田地区</t>
    <rPh sb="0" eb="2">
      <t>ムカイダ</t>
    </rPh>
    <rPh sb="2" eb="4">
      <t>チク</t>
    </rPh>
    <phoneticPr fontId="10"/>
  </si>
  <si>
    <t>県道726号（矢倉沢山北）</t>
    <rPh sb="0" eb="2">
      <t>ケンドウ</t>
    </rPh>
    <rPh sb="5" eb="6">
      <t>ゴウ</t>
    </rPh>
    <rPh sb="7" eb="10">
      <t>ヤグラサワ</t>
    </rPh>
    <rPh sb="10" eb="12">
      <t>ヤマキタ</t>
    </rPh>
    <phoneticPr fontId="10"/>
  </si>
  <si>
    <t>県道77号（平塚松田）</t>
    <rPh sb="0" eb="2">
      <t>ケンドウ</t>
    </rPh>
    <rPh sb="4" eb="5">
      <t>ゴウ</t>
    </rPh>
    <rPh sb="6" eb="10">
      <t>ヒラツカマツダ</t>
    </rPh>
    <phoneticPr fontId="10"/>
  </si>
  <si>
    <t>県道７６号（山北藤野）</t>
    <rPh sb="4" eb="5">
      <t>ゴウ</t>
    </rPh>
    <rPh sb="6" eb="8">
      <t>ヤマキタ</t>
    </rPh>
    <rPh sb="8" eb="10">
      <t>フジノ</t>
    </rPh>
    <phoneticPr fontId="10"/>
  </si>
  <si>
    <t>県道７３１号(矢倉沢仙石原）</t>
  </si>
  <si>
    <t>二級河川　狩川</t>
    <rPh sb="0" eb="2">
      <t>ニキュウ</t>
    </rPh>
    <rPh sb="2" eb="4">
      <t>カセン</t>
    </rPh>
    <rPh sb="5" eb="6">
      <t>カリ</t>
    </rPh>
    <rPh sb="6" eb="7">
      <t>カワ</t>
    </rPh>
    <phoneticPr fontId="10"/>
  </si>
  <si>
    <t>用沢地区</t>
    <rPh sb="0" eb="2">
      <t>ヨウサワ</t>
    </rPh>
    <rPh sb="2" eb="4">
      <t>チク</t>
    </rPh>
    <phoneticPr fontId="10"/>
  </si>
  <si>
    <t>砂防指定地　狩川</t>
  </si>
  <si>
    <t>砂防指定地　中津川</t>
    <rPh sb="0" eb="2">
      <t>サボウ</t>
    </rPh>
    <rPh sb="2" eb="5">
      <t>シテイチ</t>
    </rPh>
    <rPh sb="6" eb="9">
      <t>ナカツガワ</t>
    </rPh>
    <phoneticPr fontId="10"/>
  </si>
  <si>
    <t>県道７０８号（秦野大井）</t>
    <rPh sb="0" eb="2">
      <t>ケンドウ</t>
    </rPh>
    <rPh sb="5" eb="6">
      <t>ゴウ</t>
    </rPh>
    <rPh sb="7" eb="9">
      <t>ハダノ</t>
    </rPh>
    <rPh sb="9" eb="11">
      <t>オオイ</t>
    </rPh>
    <phoneticPr fontId="10"/>
  </si>
  <si>
    <t>県道７８号(御殿場大井）</t>
    <rPh sb="0" eb="2">
      <t>ケンドウ</t>
    </rPh>
    <rPh sb="4" eb="5">
      <t>ゴウ</t>
    </rPh>
    <rPh sb="6" eb="9">
      <t>ゴテンバ</t>
    </rPh>
    <rPh sb="9" eb="11">
      <t>オオイ</t>
    </rPh>
    <phoneticPr fontId="10"/>
  </si>
  <si>
    <t>県道７２号（松田国府津）</t>
    <rPh sb="0" eb="2">
      <t>ケンドウ</t>
    </rPh>
    <rPh sb="4" eb="5">
      <t>ゴウ</t>
    </rPh>
    <rPh sb="6" eb="8">
      <t>マツダ</t>
    </rPh>
    <rPh sb="8" eb="9">
      <t>クニ</t>
    </rPh>
    <rPh sb="9" eb="10">
      <t>フ</t>
    </rPh>
    <rPh sb="10" eb="11">
      <t>ツ</t>
    </rPh>
    <phoneticPr fontId="10"/>
  </si>
  <si>
    <t>県道７１号（秦野二宮）</t>
    <rPh sb="0" eb="2">
      <t>ケンドウ</t>
    </rPh>
    <rPh sb="4" eb="5">
      <t>ゴウ</t>
    </rPh>
    <rPh sb="6" eb="8">
      <t>ハダノ</t>
    </rPh>
    <rPh sb="8" eb="10">
      <t>ニノミヤ</t>
    </rPh>
    <phoneticPr fontId="10"/>
  </si>
  <si>
    <t>県道７７号（平塚松田）</t>
    <rPh sb="0" eb="2">
      <t>ケンドウ</t>
    </rPh>
    <rPh sb="4" eb="5">
      <t>ゴウ</t>
    </rPh>
    <rPh sb="6" eb="8">
      <t>ヒラツカ</t>
    </rPh>
    <rPh sb="8" eb="10">
      <t>マツダ</t>
    </rPh>
    <phoneticPr fontId="10"/>
  </si>
  <si>
    <t>県道710号（神縄神山）</t>
    <rPh sb="0" eb="2">
      <t>ケンドウ</t>
    </rPh>
    <rPh sb="5" eb="6">
      <t>ゴウ</t>
    </rPh>
    <rPh sb="7" eb="8">
      <t>カミ</t>
    </rPh>
    <rPh sb="8" eb="9">
      <t>ナワ</t>
    </rPh>
    <rPh sb="9" eb="11">
      <t>コウヤマ</t>
    </rPh>
    <phoneticPr fontId="10"/>
  </si>
  <si>
    <t>県道７７号（平塚松田）</t>
    <rPh sb="0" eb="2">
      <t>ケンドウ</t>
    </rPh>
    <rPh sb="4" eb="5">
      <t>ゴウ</t>
    </rPh>
    <rPh sb="6" eb="8">
      <t>ヒラツカ</t>
    </rPh>
    <rPh sb="8" eb="10">
      <t>マツダ</t>
    </rPh>
    <phoneticPr fontId="10"/>
  </si>
  <si>
    <t>県道711号(小田原松田）</t>
    <rPh sb="0" eb="2">
      <t>ケンドウ</t>
    </rPh>
    <rPh sb="5" eb="6">
      <t>ゴウ</t>
    </rPh>
    <rPh sb="7" eb="10">
      <t>オダワラ</t>
    </rPh>
    <rPh sb="10" eb="12">
      <t>マツダ</t>
    </rPh>
    <phoneticPr fontId="10"/>
  </si>
  <si>
    <t>県道72号（松田国府津）</t>
    <rPh sb="0" eb="2">
      <t>ケンドウ</t>
    </rPh>
    <rPh sb="4" eb="5">
      <t>ゴウ</t>
    </rPh>
    <rPh sb="6" eb="8">
      <t>マツダ</t>
    </rPh>
    <rPh sb="8" eb="11">
      <t>コウヅ</t>
    </rPh>
    <phoneticPr fontId="10"/>
  </si>
  <si>
    <t>県道７１５号（栢山停車場塚原）</t>
  </si>
  <si>
    <t>県道７３１号（矢倉沢仙石原）</t>
  </si>
  <si>
    <t>二級河川　酒匂川</t>
    <rPh sb="0" eb="2">
      <t>ニキュウ</t>
    </rPh>
    <rPh sb="2" eb="4">
      <t>カセン</t>
    </rPh>
    <rPh sb="5" eb="7">
      <t>サカワ</t>
    </rPh>
    <rPh sb="7" eb="8">
      <t>カワ</t>
    </rPh>
    <phoneticPr fontId="10"/>
  </si>
  <si>
    <t>二級河川　川音川・県道710号（神縄神山）</t>
    <rPh sb="0" eb="2">
      <t>ニキュウ</t>
    </rPh>
    <rPh sb="2" eb="4">
      <t>カセン</t>
    </rPh>
    <rPh sb="5" eb="7">
      <t>カワオト</t>
    </rPh>
    <rPh sb="7" eb="8">
      <t>カワ</t>
    </rPh>
    <rPh sb="9" eb="11">
      <t>ケンドウ</t>
    </rPh>
    <rPh sb="14" eb="15">
      <t>ゴウ</t>
    </rPh>
    <rPh sb="16" eb="18">
      <t>カミナワ</t>
    </rPh>
    <rPh sb="18" eb="20">
      <t>コウヤマ</t>
    </rPh>
    <phoneticPr fontId="10"/>
  </si>
  <si>
    <t>二級河川　川音川他</t>
    <rPh sb="0" eb="2">
      <t>ニキュウ</t>
    </rPh>
    <rPh sb="2" eb="4">
      <t>カセン</t>
    </rPh>
    <rPh sb="5" eb="7">
      <t>カワオト</t>
    </rPh>
    <rPh sb="7" eb="8">
      <t>カワ</t>
    </rPh>
    <rPh sb="8" eb="9">
      <t>ホカ</t>
    </rPh>
    <phoneticPr fontId="10"/>
  </si>
  <si>
    <t>二級河川　酒匂川他</t>
    <rPh sb="0" eb="2">
      <t>ニキュウ</t>
    </rPh>
    <rPh sb="2" eb="4">
      <t>カセン</t>
    </rPh>
    <rPh sb="5" eb="7">
      <t>サカワ</t>
    </rPh>
    <rPh sb="7" eb="8">
      <t>カワ</t>
    </rPh>
    <rPh sb="8" eb="9">
      <t>ホカ</t>
    </rPh>
    <phoneticPr fontId="10"/>
  </si>
  <si>
    <t>二級河川河内川</t>
    <rPh sb="0" eb="2">
      <t>ニキュウ</t>
    </rPh>
    <rPh sb="2" eb="4">
      <t>カセン</t>
    </rPh>
    <rPh sb="4" eb="6">
      <t>コウチ</t>
    </rPh>
    <rPh sb="6" eb="7">
      <t>カワ</t>
    </rPh>
    <phoneticPr fontId="10"/>
  </si>
  <si>
    <t>下井ノ口地区</t>
    <rPh sb="0" eb="2">
      <t>シモイ</t>
    </rPh>
    <rPh sb="3" eb="6">
      <t>クチチク</t>
    </rPh>
    <phoneticPr fontId="10"/>
  </si>
  <si>
    <t>砂防指定地　上総川</t>
    <rPh sb="0" eb="2">
      <t>サボウ</t>
    </rPh>
    <rPh sb="2" eb="5">
      <t>シテイチ</t>
    </rPh>
    <rPh sb="6" eb="8">
      <t>カズサ</t>
    </rPh>
    <rPh sb="8" eb="9">
      <t>ガワ</t>
    </rPh>
    <phoneticPr fontId="10"/>
  </si>
  <si>
    <t>高尾地区</t>
    <rPh sb="0" eb="2">
      <t>タカオ</t>
    </rPh>
    <rPh sb="2" eb="4">
      <t>チク</t>
    </rPh>
    <phoneticPr fontId="10"/>
  </si>
  <si>
    <t>都市計画道路城山多古線他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rPh sb="11" eb="12">
      <t>ホカ</t>
    </rPh>
    <phoneticPr fontId="9"/>
  </si>
  <si>
    <t>板橋Ｃ地区</t>
    <rPh sb="0" eb="2">
      <t>イタバシ</t>
    </rPh>
    <rPh sb="3" eb="5">
      <t>チク</t>
    </rPh>
    <phoneticPr fontId="9"/>
  </si>
  <si>
    <t>萬松院沢</t>
    <rPh sb="0" eb="4">
      <t>マンマツインサワ</t>
    </rPh>
    <phoneticPr fontId="9"/>
  </si>
  <si>
    <t>県道723号（関本小涌谷）</t>
    <rPh sb="7" eb="9">
      <t>セキモト</t>
    </rPh>
    <rPh sb="9" eb="12">
      <t>コワクダニ</t>
    </rPh>
    <phoneticPr fontId="9"/>
  </si>
  <si>
    <t>県道720号(怒田開成小田原)</t>
  </si>
  <si>
    <t>国道135号</t>
  </si>
  <si>
    <t>国道255号</t>
    <rPh sb="0" eb="2">
      <t>コクドウ</t>
    </rPh>
    <rPh sb="5" eb="6">
      <t>ゴウ</t>
    </rPh>
    <phoneticPr fontId="14"/>
  </si>
  <si>
    <t>県道734号（大涌谷小涌谷）</t>
  </si>
  <si>
    <t>県道732号（湯本元箱根）</t>
  </si>
  <si>
    <t>国道255号</t>
    <rPh sb="5" eb="6">
      <t>ゴウ</t>
    </rPh>
    <phoneticPr fontId="14"/>
  </si>
  <si>
    <t>二級河川　狩川</t>
  </si>
  <si>
    <t>二級河川　仙了川</t>
  </si>
  <si>
    <t>大涌沢他</t>
    <rPh sb="0" eb="1">
      <t>オオ</t>
    </rPh>
    <rPh sb="1" eb="3">
      <t>ワクサワ</t>
    </rPh>
    <rPh sb="3" eb="4">
      <t>ホカ</t>
    </rPh>
    <phoneticPr fontId="14"/>
  </si>
  <si>
    <t>板橋地区</t>
    <rPh sb="0" eb="2">
      <t>イタバシ</t>
    </rPh>
    <rPh sb="2" eb="4">
      <t>チク</t>
    </rPh>
    <phoneticPr fontId="14"/>
  </si>
  <si>
    <t>国道１号</t>
    <rPh sb="0" eb="2">
      <t>コクドウ</t>
    </rPh>
    <rPh sb="3" eb="4">
      <t>ゴウ</t>
    </rPh>
    <phoneticPr fontId="14"/>
  </si>
  <si>
    <t>県道723号（関本小涌谷）</t>
    <rPh sb="0" eb="2">
      <t>ケンドウ</t>
    </rPh>
    <rPh sb="5" eb="6">
      <t>ゴウ</t>
    </rPh>
    <rPh sb="7" eb="9">
      <t>セキモト</t>
    </rPh>
    <rPh sb="9" eb="12">
      <t>コワクダニ</t>
    </rPh>
    <phoneticPr fontId="14"/>
  </si>
  <si>
    <t>県道740号（小田原湯河原）</t>
    <rPh sb="0" eb="2">
      <t>ケンドウ</t>
    </rPh>
    <rPh sb="5" eb="6">
      <t>ゴウ</t>
    </rPh>
    <rPh sb="7" eb="10">
      <t>オダワラ</t>
    </rPh>
    <rPh sb="10" eb="13">
      <t>ユガワラ</t>
    </rPh>
    <phoneticPr fontId="14"/>
  </si>
  <si>
    <t>県道72号（松田国府津）</t>
    <rPh sb="0" eb="2">
      <t>ケンドウ</t>
    </rPh>
    <rPh sb="4" eb="5">
      <t>ゴウ</t>
    </rPh>
    <rPh sb="6" eb="11">
      <t>マツダコウヅ</t>
    </rPh>
    <phoneticPr fontId="14"/>
  </si>
  <si>
    <t>国道135号</t>
    <rPh sb="0" eb="2">
      <t>コクドウ</t>
    </rPh>
    <rPh sb="5" eb="6">
      <t>ゴウ</t>
    </rPh>
    <phoneticPr fontId="14"/>
  </si>
  <si>
    <t>県道718号（鴨ノ宮停車場矢作）</t>
    <rPh sb="5" eb="6">
      <t>ゴウ</t>
    </rPh>
    <rPh sb="7" eb="8">
      <t>カモ</t>
    </rPh>
    <rPh sb="9" eb="10">
      <t>ミヤ</t>
    </rPh>
    <rPh sb="10" eb="13">
      <t>テイシャジョウ</t>
    </rPh>
    <rPh sb="13" eb="15">
      <t>ヤハギ</t>
    </rPh>
    <phoneticPr fontId="21"/>
  </si>
  <si>
    <t>根府川Ａ地区</t>
    <rPh sb="0" eb="4">
      <t>ネブカワエー</t>
    </rPh>
    <rPh sb="4" eb="6">
      <t>チク</t>
    </rPh>
    <phoneticPr fontId="14"/>
  </si>
  <si>
    <t>板橋Ｃ地区</t>
    <rPh sb="0" eb="2">
      <t>イタバシ</t>
    </rPh>
    <rPh sb="3" eb="5">
      <t>チク</t>
    </rPh>
    <phoneticPr fontId="14"/>
  </si>
  <si>
    <t>二級河川
千歳川他</t>
    <rPh sb="0" eb="2">
      <t>ニキュウ</t>
    </rPh>
    <rPh sb="2" eb="4">
      <t>カセン</t>
    </rPh>
    <rPh sb="5" eb="7">
      <t>チトセ</t>
    </rPh>
    <rPh sb="7" eb="8">
      <t>カワ</t>
    </rPh>
    <rPh sb="8" eb="9">
      <t>ホカ</t>
    </rPh>
    <phoneticPr fontId="14"/>
  </si>
  <si>
    <t>県道72号（松田国府津）</t>
    <rPh sb="0" eb="2">
      <t>ケンドウ</t>
    </rPh>
    <rPh sb="4" eb="5">
      <t>ゴウ</t>
    </rPh>
    <rPh sb="6" eb="8">
      <t>マツダ</t>
    </rPh>
    <rPh sb="8" eb="11">
      <t>コウヅ</t>
    </rPh>
    <phoneticPr fontId="14"/>
  </si>
  <si>
    <t>県道75号（湯河原箱根仙石原）</t>
    <rPh sb="0" eb="2">
      <t>ケンドウ</t>
    </rPh>
    <rPh sb="4" eb="5">
      <t>ゴウ</t>
    </rPh>
    <rPh sb="6" eb="9">
      <t>ユガワラ</t>
    </rPh>
    <rPh sb="9" eb="11">
      <t>ハコネ</t>
    </rPh>
    <rPh sb="11" eb="14">
      <t>センゴクバラ</t>
    </rPh>
    <phoneticPr fontId="14"/>
  </si>
  <si>
    <t>都市計画道路穴部国府津線他</t>
    <rPh sb="0" eb="2">
      <t>トシ</t>
    </rPh>
    <rPh sb="2" eb="4">
      <t>ケイカク</t>
    </rPh>
    <rPh sb="4" eb="6">
      <t>ドウロ</t>
    </rPh>
    <rPh sb="6" eb="8">
      <t>アナベ</t>
    </rPh>
    <rPh sb="8" eb="11">
      <t>コウヅ</t>
    </rPh>
    <rPh sb="11" eb="12">
      <t>セン</t>
    </rPh>
    <rPh sb="12" eb="13">
      <t>ホカ</t>
    </rPh>
    <phoneticPr fontId="14"/>
  </si>
  <si>
    <t>県道709号（中井羽根尾）</t>
    <rPh sb="0" eb="2">
      <t>ケンドウ</t>
    </rPh>
    <rPh sb="5" eb="6">
      <t>ゴウ</t>
    </rPh>
    <rPh sb="7" eb="9">
      <t>ナカイ</t>
    </rPh>
    <rPh sb="9" eb="12">
      <t>ハネオ</t>
    </rPh>
    <phoneticPr fontId="14"/>
  </si>
  <si>
    <t>早川</t>
    <rPh sb="0" eb="2">
      <t>ハヤカワ</t>
    </rPh>
    <phoneticPr fontId="14"/>
  </si>
  <si>
    <t>瀬戸沢</t>
    <rPh sb="0" eb="2">
      <t>セト</t>
    </rPh>
    <rPh sb="2" eb="3">
      <t>ザワ</t>
    </rPh>
    <phoneticPr fontId="14"/>
  </si>
  <si>
    <t>県道75号（湯河原箱根仙石原）</t>
    <rPh sb="0" eb="2">
      <t>ケンドウ</t>
    </rPh>
    <rPh sb="4" eb="5">
      <t>ゴウ</t>
    </rPh>
    <rPh sb="6" eb="14">
      <t>ユガワラハコネセンゴクバラ</t>
    </rPh>
    <phoneticPr fontId="14"/>
  </si>
  <si>
    <t>国府津四丁目県有地</t>
    <rPh sb="8" eb="9">
      <t>チ</t>
    </rPh>
    <phoneticPr fontId="14"/>
  </si>
  <si>
    <t>県道731号（矢倉沢仙石原）</t>
    <rPh sb="0" eb="2">
      <t>ケンドウ</t>
    </rPh>
    <rPh sb="5" eb="6">
      <t>ゴウ</t>
    </rPh>
    <rPh sb="7" eb="13">
      <t>ヤグラサワセンゴクハラ</t>
    </rPh>
    <phoneticPr fontId="21"/>
  </si>
  <si>
    <t>二級河川　酒匂川他</t>
  </si>
  <si>
    <t>県道732号(湯本元箱根)</t>
    <rPh sb="0" eb="2">
      <t>ケンドウ</t>
    </rPh>
    <rPh sb="5" eb="6">
      <t>ゴウ</t>
    </rPh>
    <rPh sb="7" eb="9">
      <t>ユモト</t>
    </rPh>
    <rPh sb="9" eb="12">
      <t>モトハコネ</t>
    </rPh>
    <phoneticPr fontId="14"/>
  </si>
  <si>
    <t>県道734号（大涌谷小涌谷）</t>
    <rPh sb="0" eb="2">
      <t>ケンドウ</t>
    </rPh>
    <rPh sb="5" eb="6">
      <t>ゴウ</t>
    </rPh>
    <rPh sb="7" eb="10">
      <t>オオワクダニ</t>
    </rPh>
    <rPh sb="10" eb="13">
      <t>コワクダニ</t>
    </rPh>
    <phoneticPr fontId="21"/>
  </si>
  <si>
    <t>早雲山</t>
    <rPh sb="0" eb="3">
      <t>ソウウンザン</t>
    </rPh>
    <phoneticPr fontId="14"/>
  </si>
  <si>
    <t>国道255号</t>
    <rPh sb="0" eb="2">
      <t>コクドウ</t>
    </rPh>
    <rPh sb="5" eb="6">
      <t>ゴウ</t>
    </rPh>
    <phoneticPr fontId="21"/>
  </si>
  <si>
    <t>国道135号</t>
    <rPh sb="0" eb="2">
      <t>コクドウ</t>
    </rPh>
    <rPh sb="5" eb="6">
      <t>ゴウ</t>
    </rPh>
    <phoneticPr fontId="6"/>
  </si>
  <si>
    <t>瀬戸沢</t>
    <rPh sb="0" eb="2">
      <t>セト</t>
    </rPh>
    <rPh sb="2" eb="3">
      <t>ザワ</t>
    </rPh>
    <phoneticPr fontId="5"/>
  </si>
  <si>
    <t>国道255号</t>
    <rPh sb="0" eb="2">
      <t>コクドウ</t>
    </rPh>
    <rPh sb="5" eb="6">
      <t>ゴウ</t>
    </rPh>
    <phoneticPr fontId="5"/>
  </si>
  <si>
    <t>国道135号</t>
    <rPh sb="0" eb="2">
      <t>コクドウ</t>
    </rPh>
    <rPh sb="5" eb="6">
      <t>ゴウ</t>
    </rPh>
    <phoneticPr fontId="5"/>
  </si>
  <si>
    <t>県道734号（大涌谷小涌谷）</t>
    <rPh sb="0" eb="2">
      <t>ケンドウ</t>
    </rPh>
    <rPh sb="5" eb="6">
      <t>ゴウ</t>
    </rPh>
    <rPh sb="7" eb="13">
      <t>オオワクダニコワクダニ</t>
    </rPh>
    <phoneticPr fontId="5"/>
  </si>
  <si>
    <t>県道72号（松田国府津）他</t>
    <rPh sb="0" eb="2">
      <t>ケンドウ</t>
    </rPh>
    <rPh sb="4" eb="5">
      <t>ゴウ</t>
    </rPh>
    <rPh sb="6" eb="8">
      <t>マツダ</t>
    </rPh>
    <rPh sb="8" eb="11">
      <t>コウヅ</t>
    </rPh>
    <rPh sb="12" eb="13">
      <t>ホカ</t>
    </rPh>
    <phoneticPr fontId="5"/>
  </si>
  <si>
    <t>都市計画道路城山多古線他</t>
    <rPh sb="0" eb="2">
      <t>トシ</t>
    </rPh>
    <rPh sb="2" eb="4">
      <t>ケイカク</t>
    </rPh>
    <rPh sb="4" eb="6">
      <t>ドウロ</t>
    </rPh>
    <rPh sb="6" eb="8">
      <t>シロヤマ</t>
    </rPh>
    <rPh sb="8" eb="10">
      <t>タコ</t>
    </rPh>
    <rPh sb="10" eb="11">
      <t>セン</t>
    </rPh>
    <rPh sb="11" eb="12">
      <t>ホカ</t>
    </rPh>
    <phoneticPr fontId="5"/>
  </si>
  <si>
    <t>県道740号（小田原湯河原）</t>
    <rPh sb="0" eb="2">
      <t>ケンドウ</t>
    </rPh>
    <rPh sb="5" eb="6">
      <t>ゴウ</t>
    </rPh>
    <rPh sb="7" eb="10">
      <t>オダワラ</t>
    </rPh>
    <rPh sb="10" eb="13">
      <t>ユガワラ</t>
    </rPh>
    <phoneticPr fontId="5"/>
  </si>
  <si>
    <t>二級河川　早川他</t>
    <rPh sb="7" eb="8">
      <t>ホカ</t>
    </rPh>
    <phoneticPr fontId="10"/>
  </si>
  <si>
    <t>地方港湾　真鶴港</t>
    <rPh sb="0" eb="2">
      <t>チホウ</t>
    </rPh>
    <rPh sb="2" eb="4">
      <t>コウワン</t>
    </rPh>
    <rPh sb="5" eb="7">
      <t>マナヅル</t>
    </rPh>
    <rPh sb="7" eb="8">
      <t>コウ</t>
    </rPh>
    <phoneticPr fontId="5"/>
  </si>
  <si>
    <t>二級河川　酒匂川</t>
    <rPh sb="0" eb="2">
      <t>ニキュウ</t>
    </rPh>
    <rPh sb="2" eb="4">
      <t>カセン</t>
    </rPh>
    <rPh sb="5" eb="7">
      <t>サカワ</t>
    </rPh>
    <rPh sb="7" eb="8">
      <t>カワ</t>
    </rPh>
    <phoneticPr fontId="5"/>
  </si>
  <si>
    <t>湯河原海岸</t>
    <rPh sb="0" eb="3">
      <t>ユガワラ</t>
    </rPh>
    <rPh sb="3" eb="5">
      <t>カイガン</t>
    </rPh>
    <phoneticPr fontId="5"/>
  </si>
  <si>
    <t>道中地区</t>
    <rPh sb="0" eb="2">
      <t>ドウチュウ</t>
    </rPh>
    <rPh sb="2" eb="4">
      <t>チク</t>
    </rPh>
    <phoneticPr fontId="5"/>
  </si>
  <si>
    <t>玉川</t>
    <rPh sb="0" eb="2">
      <t>タマガワ</t>
    </rPh>
    <phoneticPr fontId="5"/>
  </si>
  <si>
    <t>大涌沢</t>
    <rPh sb="0" eb="3">
      <t>オオワクサワ</t>
    </rPh>
    <phoneticPr fontId="5"/>
  </si>
  <si>
    <t>山岸沢</t>
    <rPh sb="0" eb="2">
      <t>ヤマギシ</t>
    </rPh>
    <rPh sb="2" eb="3">
      <t>ザワ</t>
    </rPh>
    <phoneticPr fontId="5"/>
  </si>
  <si>
    <t>県道723号（関本小涌谷）</t>
    <rPh sb="0" eb="2">
      <t>ケンドウ</t>
    </rPh>
    <rPh sb="5" eb="6">
      <t>ゴウ</t>
    </rPh>
    <rPh sb="7" eb="9">
      <t>セキモト</t>
    </rPh>
    <rPh sb="9" eb="10">
      <t>コ</t>
    </rPh>
    <rPh sb="10" eb="11">
      <t>ワ</t>
    </rPh>
    <rPh sb="11" eb="12">
      <t>タニ</t>
    </rPh>
    <phoneticPr fontId="14"/>
  </si>
  <si>
    <t>一級河川早淵川</t>
    <rPh sb="0" eb="2">
      <t>イッキュウ</t>
    </rPh>
    <rPh sb="2" eb="4">
      <t>カセン</t>
    </rPh>
    <rPh sb="4" eb="6">
      <t>ハヤブチ</t>
    </rPh>
    <rPh sb="6" eb="7">
      <t>ガワ</t>
    </rPh>
    <phoneticPr fontId="5"/>
  </si>
  <si>
    <t>六浦東１丁目南地区</t>
    <rPh sb="0" eb="3">
      <t>ムツウラヒガシ</t>
    </rPh>
    <rPh sb="4" eb="7">
      <t>チョウメミナミ</t>
    </rPh>
    <rPh sb="7" eb="9">
      <t>チク</t>
    </rPh>
    <phoneticPr fontId="6"/>
  </si>
  <si>
    <t>県立保土ケ谷公園</t>
    <rPh sb="0" eb="2">
      <t>ケンリツ</t>
    </rPh>
    <rPh sb="2" eb="6">
      <t>ホドガヤ</t>
    </rPh>
    <rPh sb="6" eb="8">
      <t>コウエン</t>
    </rPh>
    <phoneticPr fontId="5"/>
  </si>
  <si>
    <t>県立保土ケ谷公園</t>
  </si>
  <si>
    <t>二級河川　堀割川</t>
    <rPh sb="0" eb="2">
      <t>２キュウ</t>
    </rPh>
    <rPh sb="2" eb="4">
      <t>カセン</t>
    </rPh>
    <rPh sb="5" eb="8">
      <t>ホリワリガワ</t>
    </rPh>
    <phoneticPr fontId="5"/>
  </si>
  <si>
    <t>二級河川　侍従川</t>
    <rPh sb="0" eb="2">
      <t>２キュウ</t>
    </rPh>
    <rPh sb="2" eb="4">
      <t>カセン</t>
    </rPh>
    <rPh sb="5" eb="7">
      <t>ジジュウ</t>
    </rPh>
    <rPh sb="7" eb="8">
      <t>ガワ</t>
    </rPh>
    <phoneticPr fontId="5"/>
  </si>
  <si>
    <t>県立三ツ池公園</t>
    <rPh sb="0" eb="2">
      <t>ケンリツ</t>
    </rPh>
    <rPh sb="2" eb="3">
      <t>ミ</t>
    </rPh>
    <rPh sb="4" eb="5">
      <t>イケ</t>
    </rPh>
    <rPh sb="5" eb="7">
      <t>コウエン</t>
    </rPh>
    <phoneticPr fontId="5"/>
  </si>
  <si>
    <t>根岸町Ｂ地区</t>
    <rPh sb="0" eb="2">
      <t>ネギシ</t>
    </rPh>
    <rPh sb="2" eb="3">
      <t>マチ</t>
    </rPh>
    <rPh sb="4" eb="6">
      <t>チク</t>
    </rPh>
    <phoneticPr fontId="5"/>
  </si>
  <si>
    <t>二級河川石崎川他</t>
    <rPh sb="0" eb="2">
      <t>ニキュウ</t>
    </rPh>
    <rPh sb="2" eb="4">
      <t>カセン</t>
    </rPh>
    <rPh sb="4" eb="6">
      <t>イシザキ</t>
    </rPh>
    <rPh sb="6" eb="7">
      <t>ガワ</t>
    </rPh>
    <rPh sb="7" eb="8">
      <t>ホカ</t>
    </rPh>
    <phoneticPr fontId="6"/>
  </si>
  <si>
    <t>一級河川鶴見川</t>
    <rPh sb="0" eb="2">
      <t>イッキュウ</t>
    </rPh>
    <rPh sb="2" eb="4">
      <t>カセン</t>
    </rPh>
    <rPh sb="4" eb="6">
      <t>ツルミ</t>
    </rPh>
    <rPh sb="6" eb="7">
      <t>ガワ</t>
    </rPh>
    <phoneticPr fontId="5"/>
  </si>
  <si>
    <t>一級河川恩田川</t>
    <rPh sb="0" eb="2">
      <t>イッキュウ</t>
    </rPh>
    <rPh sb="2" eb="4">
      <t>カセン</t>
    </rPh>
    <rPh sb="4" eb="6">
      <t>オンダ</t>
    </rPh>
    <rPh sb="6" eb="7">
      <t>カワ</t>
    </rPh>
    <phoneticPr fontId="5"/>
  </si>
  <si>
    <t>二級河川 大岡川</t>
    <rPh sb="0" eb="2">
      <t>ニキュウ</t>
    </rPh>
    <rPh sb="2" eb="4">
      <t>カセン</t>
    </rPh>
    <rPh sb="5" eb="7">
      <t>オオオカ</t>
    </rPh>
    <rPh sb="7" eb="8">
      <t>ガワ</t>
    </rPh>
    <phoneticPr fontId="5"/>
  </si>
  <si>
    <t>二級河川 柏尾川</t>
  </si>
  <si>
    <t>二級河川 日野川</t>
  </si>
  <si>
    <t>鶴見2丁目A</t>
    <rPh sb="0" eb="2">
      <t>ツルミ</t>
    </rPh>
    <rPh sb="3" eb="5">
      <t>チョウメ</t>
    </rPh>
    <phoneticPr fontId="5"/>
  </si>
  <si>
    <t>岡村町地区</t>
    <rPh sb="0" eb="2">
      <t>オカムラ</t>
    </rPh>
    <rPh sb="2" eb="3">
      <t>チョウ</t>
    </rPh>
    <rPh sb="3" eb="5">
      <t>チク</t>
    </rPh>
    <phoneticPr fontId="5"/>
  </si>
  <si>
    <t>永田南２丁目北地区</t>
    <rPh sb="0" eb="9">
      <t>ナ</t>
    </rPh>
    <phoneticPr fontId="6"/>
  </si>
  <si>
    <t>鶴見２丁目Ｂ</t>
    <rPh sb="0" eb="2">
      <t>ツルミ</t>
    </rPh>
    <rPh sb="3" eb="5">
      <t>チョウメ</t>
    </rPh>
    <phoneticPr fontId="5"/>
  </si>
  <si>
    <t>岡村５丁目</t>
    <rPh sb="0" eb="2">
      <t>オカムラ</t>
    </rPh>
    <rPh sb="3" eb="5">
      <t>チョウメ</t>
    </rPh>
    <phoneticPr fontId="5"/>
  </si>
  <si>
    <t>岩井町</t>
    <rPh sb="0" eb="2">
      <t>イワイ</t>
    </rPh>
    <rPh sb="2" eb="3">
      <t>マチ</t>
    </rPh>
    <phoneticPr fontId="5"/>
  </si>
  <si>
    <t>二級河川大岡川</t>
  </si>
  <si>
    <t>一級河川　早淵川</t>
    <rPh sb="0" eb="2">
      <t>イッキュウ</t>
    </rPh>
    <rPh sb="2" eb="4">
      <t>カセン</t>
    </rPh>
    <rPh sb="5" eb="7">
      <t>ハヤブチ</t>
    </rPh>
    <rPh sb="7" eb="8">
      <t>カワ</t>
    </rPh>
    <phoneticPr fontId="5"/>
  </si>
  <si>
    <t>笹下３丁目地区</t>
    <rPh sb="0" eb="2">
      <t>ササゲ</t>
    </rPh>
    <rPh sb="3" eb="5">
      <t>チョウメ</t>
    </rPh>
    <rPh sb="5" eb="7">
      <t>チク</t>
    </rPh>
    <phoneticPr fontId="6"/>
  </si>
  <si>
    <t>六浦町南川地区</t>
    <rPh sb="0" eb="2">
      <t>ムツウラ</t>
    </rPh>
    <rPh sb="2" eb="3">
      <t>チョウ</t>
    </rPh>
    <rPh sb="3" eb="5">
      <t>ミナミカワ</t>
    </rPh>
    <rPh sb="5" eb="7">
      <t>チク</t>
    </rPh>
    <phoneticPr fontId="5"/>
  </si>
  <si>
    <t>一級河川　早淵川他</t>
    <rPh sb="0" eb="2">
      <t>イッキュウ</t>
    </rPh>
    <rPh sb="2" eb="4">
      <t>カセン</t>
    </rPh>
    <rPh sb="5" eb="7">
      <t>ハヤブチ</t>
    </rPh>
    <rPh sb="7" eb="8">
      <t>カワ</t>
    </rPh>
    <rPh sb="8" eb="9">
      <t>ホカ</t>
    </rPh>
    <phoneticPr fontId="5"/>
  </si>
  <si>
    <t>磯子3丁目南地区</t>
    <rPh sb="0" eb="2">
      <t>イソゴ</t>
    </rPh>
    <rPh sb="3" eb="5">
      <t>チョウメ</t>
    </rPh>
    <rPh sb="5" eb="6">
      <t>ミナミ</t>
    </rPh>
    <rPh sb="6" eb="8">
      <t>チク</t>
    </rPh>
    <phoneticPr fontId="5"/>
  </si>
  <si>
    <t>県立四季の森公園</t>
    <rPh sb="2" eb="4">
      <t>シキ</t>
    </rPh>
    <rPh sb="5" eb="6">
      <t>モリ</t>
    </rPh>
    <rPh sb="6" eb="8">
      <t>コウエン</t>
    </rPh>
    <phoneticPr fontId="5"/>
  </si>
  <si>
    <t>二級河川堀割川</t>
  </si>
  <si>
    <t>釜利谷町赤坂地区</t>
    <rPh sb="0" eb="3">
      <t>カマリヤ</t>
    </rPh>
    <rPh sb="3" eb="4">
      <t>チョウ</t>
    </rPh>
    <rPh sb="4" eb="6">
      <t>アカサカ</t>
    </rPh>
    <rPh sb="6" eb="8">
      <t>チク</t>
    </rPh>
    <phoneticPr fontId="5"/>
  </si>
  <si>
    <t>鶴ケ峰１丁目</t>
    <rPh sb="0" eb="3">
      <t>ツルガミネ</t>
    </rPh>
    <rPh sb="4" eb="6">
      <t>チョウメ</t>
    </rPh>
    <phoneticPr fontId="5"/>
  </si>
  <si>
    <t>西柴南地区</t>
  </si>
  <si>
    <t>笹下３丁目地区</t>
    <rPh sb="0" eb="7">
      <t>サ</t>
    </rPh>
    <phoneticPr fontId="5"/>
  </si>
  <si>
    <t>西久保町西地区</t>
    <rPh sb="0" eb="3">
      <t>ニシクボ</t>
    </rPh>
    <rPh sb="3" eb="4">
      <t>マチ</t>
    </rPh>
    <rPh sb="4" eb="5">
      <t>ニシ</t>
    </rPh>
    <rPh sb="5" eb="7">
      <t>チク</t>
    </rPh>
    <phoneticPr fontId="5"/>
  </si>
  <si>
    <t>鶴見２丁目Ａ地区</t>
    <rPh sb="0" eb="2">
      <t>ツルミ</t>
    </rPh>
    <rPh sb="3" eb="4">
      <t>チョウ</t>
    </rPh>
    <rPh sb="4" eb="5">
      <t>メ</t>
    </rPh>
    <rPh sb="6" eb="8">
      <t>チク</t>
    </rPh>
    <phoneticPr fontId="5"/>
  </si>
  <si>
    <t>恩田町庚申谷地区</t>
  </si>
  <si>
    <t>柴町西地区</t>
  </si>
  <si>
    <t>岡村５丁目地区</t>
    <rPh sb="0" eb="2">
      <t>オカムラ</t>
    </rPh>
    <rPh sb="3" eb="7">
      <t>チョウメチク</t>
    </rPh>
    <phoneticPr fontId="5"/>
  </si>
  <si>
    <t>東朝比奈１丁目北地区</t>
    <rPh sb="0" eb="1">
      <t>ヒガシ</t>
    </rPh>
    <rPh sb="1" eb="4">
      <t>アサヒナ</t>
    </rPh>
    <rPh sb="5" eb="7">
      <t>チョウメ</t>
    </rPh>
    <rPh sb="7" eb="8">
      <t>キタ</t>
    </rPh>
    <rPh sb="8" eb="10">
      <t>チク</t>
    </rPh>
    <phoneticPr fontId="5"/>
  </si>
  <si>
    <t>名瀬町栄橋地区</t>
    <rPh sb="0" eb="3">
      <t>ナセチョウ</t>
    </rPh>
    <rPh sb="3" eb="4">
      <t>サカエ</t>
    </rPh>
    <rPh sb="4" eb="5">
      <t>バシ</t>
    </rPh>
    <rPh sb="5" eb="7">
      <t>チク</t>
    </rPh>
    <phoneticPr fontId="5"/>
  </si>
  <si>
    <t>県立四季の森公園</t>
    <rPh sb="0" eb="2">
      <t>ケンリツ</t>
    </rPh>
    <rPh sb="2" eb="4">
      <t>シキ</t>
    </rPh>
    <rPh sb="5" eb="6">
      <t>モリ</t>
    </rPh>
    <rPh sb="6" eb="8">
      <t>コウエン</t>
    </rPh>
    <phoneticPr fontId="5"/>
  </si>
  <si>
    <t>一級河川鶴見川他</t>
    <rPh sb="0" eb="7">
      <t>イッキュウカセンツルミガワ</t>
    </rPh>
    <rPh sb="7" eb="8">
      <t>ホカ</t>
    </rPh>
    <phoneticPr fontId="5"/>
  </si>
  <si>
    <t>一級河川　鶴見川</t>
    <rPh sb="0" eb="4">
      <t>イッキュウカセン</t>
    </rPh>
    <rPh sb="5" eb="7">
      <t>ツルミ</t>
    </rPh>
    <rPh sb="7" eb="8">
      <t>ガワ</t>
    </rPh>
    <phoneticPr fontId="8"/>
  </si>
  <si>
    <t>子母口地区
下作延中耕地地区
千年Ｆ地区</t>
    <rPh sb="0" eb="3">
      <t>シボクチ</t>
    </rPh>
    <rPh sb="3" eb="5">
      <t>チク</t>
    </rPh>
    <rPh sb="6" eb="12">
      <t>シモサクノベナカコウチ</t>
    </rPh>
    <rPh sb="12" eb="14">
      <t>チク</t>
    </rPh>
    <rPh sb="15" eb="17">
      <t>チトセ</t>
    </rPh>
    <rPh sb="18" eb="20">
      <t>チク</t>
    </rPh>
    <phoneticPr fontId="8"/>
  </si>
  <si>
    <t>県立東高根森林公園</t>
  </si>
  <si>
    <t>一級河川矢上川</t>
    <rPh sb="0" eb="2">
      <t>イッキュウ</t>
    </rPh>
    <rPh sb="2" eb="4">
      <t>カセン</t>
    </rPh>
    <rPh sb="4" eb="6">
      <t>ヤガミ</t>
    </rPh>
    <rPh sb="6" eb="7">
      <t>ガワ</t>
    </rPh>
    <phoneticPr fontId="8"/>
  </si>
  <si>
    <t>一級河川矢上川</t>
  </si>
  <si>
    <t>一級河川鶴見川</t>
    <rPh sb="0" eb="4">
      <t>イッキュウカセン</t>
    </rPh>
    <rPh sb="4" eb="7">
      <t>ツルミガワ</t>
    </rPh>
    <phoneticPr fontId="2"/>
  </si>
  <si>
    <t>一級河川
三沢川</t>
    <rPh sb="0" eb="4">
      <t>イッキュウカセン</t>
    </rPh>
    <rPh sb="5" eb="7">
      <t>ミサワ</t>
    </rPh>
    <rPh sb="7" eb="8">
      <t>ガワ</t>
    </rPh>
    <phoneticPr fontId="2"/>
  </si>
  <si>
    <t>枡形6丁目Ｃ地区</t>
    <rPh sb="0" eb="2">
      <t>マスガタ</t>
    </rPh>
    <rPh sb="3" eb="5">
      <t>チョウメ</t>
    </rPh>
    <rPh sb="6" eb="8">
      <t>チク</t>
    </rPh>
    <phoneticPr fontId="8"/>
  </si>
  <si>
    <t>黒川Ｄ地区</t>
    <rPh sb="0" eb="2">
      <t>クロカワ</t>
    </rPh>
    <rPh sb="3" eb="5">
      <t>チク</t>
    </rPh>
    <phoneticPr fontId="8"/>
  </si>
  <si>
    <t>神木本町１丁目Ａ地区</t>
    <rPh sb="0" eb="2">
      <t>シボク</t>
    </rPh>
    <rPh sb="2" eb="4">
      <t>ホンチョウ</t>
    </rPh>
    <rPh sb="5" eb="7">
      <t>チョウメ</t>
    </rPh>
    <rPh sb="8" eb="10">
      <t>チク</t>
    </rPh>
    <phoneticPr fontId="8"/>
  </si>
  <si>
    <t>相模川流域下水道　左岸幹線</t>
    <rPh sb="11" eb="13">
      <t>カンセン</t>
    </rPh>
    <phoneticPr fontId="10"/>
  </si>
  <si>
    <t>相模川流域下水道　左岸処理場</t>
    <rPh sb="0" eb="2">
      <t>サガミ</t>
    </rPh>
    <rPh sb="2" eb="3">
      <t>ガワ</t>
    </rPh>
    <rPh sb="3" eb="5">
      <t>リュウイキ</t>
    </rPh>
    <rPh sb="5" eb="8">
      <t>ゲスイドウ</t>
    </rPh>
    <rPh sb="9" eb="11">
      <t>サガン</t>
    </rPh>
    <rPh sb="11" eb="14">
      <t>ショリジョウ</t>
    </rPh>
    <phoneticPr fontId="10"/>
  </si>
  <si>
    <t>酒匂川流域下水道　左岸処理場</t>
    <rPh sb="0" eb="8">
      <t>サカワガワリュウイキゲスイドウ</t>
    </rPh>
    <rPh sb="9" eb="14">
      <t>サガンショリジョウ</t>
    </rPh>
    <phoneticPr fontId="10"/>
  </si>
  <si>
    <t>相模川流域下水道　右岸処理場</t>
    <rPh sb="0" eb="8">
      <t>サガミガワリュウイキゲスイドウ</t>
    </rPh>
    <rPh sb="9" eb="14">
      <t>ウガンショリジョウ</t>
    </rPh>
    <phoneticPr fontId="5"/>
  </si>
  <si>
    <t>酒匂川流域下水道　箱根小田原幹線</t>
    <rPh sb="0" eb="8">
      <t>サカワガワリュウイキゲスイドウ</t>
    </rPh>
    <rPh sb="9" eb="16">
      <t>ハコネオダワラカンセン</t>
    </rPh>
    <phoneticPr fontId="10"/>
  </si>
  <si>
    <t>県立図書館</t>
    <rPh sb="0" eb="2">
      <t>ケンリツ</t>
    </rPh>
    <rPh sb="2" eb="5">
      <t>トショカン</t>
    </rPh>
    <phoneticPr fontId="8"/>
  </si>
  <si>
    <t>県立図書館</t>
    <rPh sb="0" eb="2">
      <t>ケンリツ</t>
    </rPh>
    <rPh sb="2" eb="5">
      <t>トショカン</t>
    </rPh>
    <phoneticPr fontId="6"/>
  </si>
  <si>
    <t>県営二宮団地</t>
    <rPh sb="0" eb="2">
      <t>ケンエイ</t>
    </rPh>
    <rPh sb="2" eb="4">
      <t>ニノミヤ</t>
    </rPh>
    <rPh sb="4" eb="6">
      <t>ダンチ</t>
    </rPh>
    <phoneticPr fontId="8"/>
  </si>
  <si>
    <t>かながわ県民ｾﾝﾀｰ</t>
    <rPh sb="4" eb="6">
      <t>ケンミン</t>
    </rPh>
    <phoneticPr fontId="5"/>
  </si>
  <si>
    <t>田奈高校</t>
    <rPh sb="0" eb="2">
      <t>タナ</t>
    </rPh>
    <rPh sb="2" eb="4">
      <t>コウコウ</t>
    </rPh>
    <phoneticPr fontId="5"/>
  </si>
  <si>
    <t>県立図書館</t>
    <rPh sb="0" eb="2">
      <t>ケンリツ</t>
    </rPh>
    <rPh sb="2" eb="5">
      <t>トショカン</t>
    </rPh>
    <phoneticPr fontId="21"/>
  </si>
  <si>
    <t>かながわ県民センター</t>
    <rPh sb="4" eb="6">
      <t>ケンミン</t>
    </rPh>
    <phoneticPr fontId="5"/>
  </si>
  <si>
    <t>田奈高校</t>
  </si>
  <si>
    <t>上鶴間高校</t>
    <rPh sb="0" eb="3">
      <t>カミツルマ</t>
    </rPh>
    <rPh sb="3" eb="5">
      <t>コウコウ</t>
    </rPh>
    <phoneticPr fontId="5"/>
  </si>
  <si>
    <t>生田東高校</t>
    <rPh sb="0" eb="2">
      <t>イクタ</t>
    </rPh>
    <rPh sb="2" eb="3">
      <t>ヒガシ</t>
    </rPh>
    <rPh sb="3" eb="5">
      <t>コウコウ</t>
    </rPh>
    <phoneticPr fontId="5"/>
  </si>
  <si>
    <t>霧が丘高校</t>
    <rPh sb="0" eb="1">
      <t>キリ</t>
    </rPh>
    <rPh sb="2" eb="3">
      <t>オカ</t>
    </rPh>
    <rPh sb="3" eb="5">
      <t>コウコウ</t>
    </rPh>
    <phoneticPr fontId="5"/>
  </si>
  <si>
    <t>生田東高校</t>
    <rPh sb="0" eb="5">
      <t>イクタヒガシコウコウ</t>
    </rPh>
    <phoneticPr fontId="5"/>
  </si>
  <si>
    <t>神奈川総合高校</t>
    <rPh sb="0" eb="3">
      <t>カナガワ</t>
    </rPh>
    <rPh sb="3" eb="5">
      <t>ソウゴウ</t>
    </rPh>
    <rPh sb="5" eb="7">
      <t>コウコウ</t>
    </rPh>
    <phoneticPr fontId="5"/>
  </si>
  <si>
    <t>県営緑ケ丘団地</t>
  </si>
  <si>
    <t>寒川高校</t>
    <rPh sb="0" eb="2">
      <t>サムカワ</t>
    </rPh>
    <rPh sb="2" eb="4">
      <t>コウコウ</t>
    </rPh>
    <phoneticPr fontId="5"/>
  </si>
  <si>
    <t>足柄高校</t>
    <rPh sb="0" eb="2">
      <t>アシガラ</t>
    </rPh>
    <rPh sb="2" eb="4">
      <t>コウコウ</t>
    </rPh>
    <phoneticPr fontId="5"/>
  </si>
  <si>
    <t>大和南高校</t>
    <rPh sb="0" eb="2">
      <t>ヤマト</t>
    </rPh>
    <rPh sb="2" eb="3">
      <t>ミナミ</t>
    </rPh>
    <rPh sb="3" eb="5">
      <t>コウコウ</t>
    </rPh>
    <phoneticPr fontId="5"/>
  </si>
  <si>
    <t>津久井浜高校</t>
  </si>
  <si>
    <t>瀬谷高校</t>
    <rPh sb="0" eb="2">
      <t>セヤ</t>
    </rPh>
    <rPh sb="2" eb="4">
      <t>コウコウ</t>
    </rPh>
    <phoneticPr fontId="5"/>
  </si>
  <si>
    <t>金井高校</t>
    <rPh sb="0" eb="2">
      <t>カナイ</t>
    </rPh>
    <rPh sb="2" eb="4">
      <t>コウコウ</t>
    </rPh>
    <phoneticPr fontId="5"/>
  </si>
  <si>
    <t>城山高校</t>
  </si>
  <si>
    <t>市ケ尾高校</t>
    <rPh sb="0" eb="1">
      <t>イチ</t>
    </rPh>
    <rPh sb="2" eb="3">
      <t>オ</t>
    </rPh>
    <rPh sb="3" eb="5">
      <t>コウコウ</t>
    </rPh>
    <phoneticPr fontId="5"/>
  </si>
  <si>
    <t>藤沢清流高校</t>
    <rPh sb="0" eb="6">
      <t>フジサワセイリュウコウコウ</t>
    </rPh>
    <phoneticPr fontId="5"/>
  </si>
  <si>
    <t>横須賀高校</t>
    <rPh sb="0" eb="3">
      <t>ヨコスカ</t>
    </rPh>
    <rPh sb="3" eb="5">
      <t>コウコウ</t>
    </rPh>
    <phoneticPr fontId="5"/>
  </si>
  <si>
    <t>舞岡高校</t>
    <rPh sb="0" eb="2">
      <t>マイオカ</t>
    </rPh>
    <rPh sb="2" eb="4">
      <t>コウコウ</t>
    </rPh>
    <phoneticPr fontId="14"/>
  </si>
  <si>
    <t>城山高校</t>
    <rPh sb="0" eb="2">
      <t>シロヤマ</t>
    </rPh>
    <rPh sb="2" eb="4">
      <t>コウコウ</t>
    </rPh>
    <phoneticPr fontId="5"/>
  </si>
  <si>
    <t>舞岡高校</t>
    <rPh sb="0" eb="2">
      <t>マイオカ</t>
    </rPh>
    <rPh sb="2" eb="4">
      <t>コウコウ</t>
    </rPh>
    <phoneticPr fontId="5"/>
  </si>
  <si>
    <t>足柄高校</t>
    <rPh sb="0" eb="4">
      <t>アシガラコウコウ</t>
    </rPh>
    <phoneticPr fontId="5"/>
  </si>
  <si>
    <t>藤沢清流高校</t>
    <rPh sb="0" eb="2">
      <t>フジサワ</t>
    </rPh>
    <rPh sb="2" eb="4">
      <t>セイリュウ</t>
    </rPh>
    <rPh sb="4" eb="6">
      <t>コウコウ</t>
    </rPh>
    <phoneticPr fontId="5"/>
  </si>
  <si>
    <t>城山高校</t>
    <rPh sb="0" eb="4">
      <t>シロヤマコウコウ</t>
    </rPh>
    <phoneticPr fontId="5"/>
  </si>
  <si>
    <t>津久井浜高校</t>
    <rPh sb="0" eb="4">
      <t>ツクイハマ</t>
    </rPh>
    <rPh sb="4" eb="6">
      <t>コウコウ</t>
    </rPh>
    <phoneticPr fontId="5"/>
  </si>
  <si>
    <t>足柄高校</t>
  </si>
  <si>
    <t>藤沢清流高校</t>
  </si>
  <si>
    <t>市ケ尾高校</t>
  </si>
  <si>
    <t>上溝南高校</t>
    <rPh sb="0" eb="5">
      <t>カミミゾミナミコウコウ</t>
    </rPh>
    <phoneticPr fontId="5"/>
  </si>
  <si>
    <t>大和高校</t>
    <rPh sb="0" eb="2">
      <t>ヤマト</t>
    </rPh>
    <rPh sb="2" eb="4">
      <t>コウコウ</t>
    </rPh>
    <phoneticPr fontId="5"/>
  </si>
  <si>
    <t>保土ケ谷高校</t>
    <rPh sb="0" eb="4">
      <t>ホドガヤ</t>
    </rPh>
    <rPh sb="4" eb="6">
      <t>コウコウ</t>
    </rPh>
    <phoneticPr fontId="5"/>
  </si>
  <si>
    <t>上溝南高校</t>
    <rPh sb="0" eb="2">
      <t>カミミゾ</t>
    </rPh>
    <rPh sb="2" eb="3">
      <t>ミナミ</t>
    </rPh>
    <rPh sb="3" eb="5">
      <t>コウコウ</t>
    </rPh>
    <phoneticPr fontId="5"/>
  </si>
  <si>
    <t>保土ケ谷高校</t>
  </si>
  <si>
    <t>上溝南高校</t>
    <rPh sb="0" eb="2">
      <t>カミミゾ</t>
    </rPh>
    <rPh sb="2" eb="3">
      <t>ミナミ</t>
    </rPh>
    <rPh sb="3" eb="5">
      <t>コウコウ</t>
    </rPh>
    <phoneticPr fontId="12"/>
  </si>
  <si>
    <t>鶴嶺高校</t>
    <rPh sb="0" eb="2">
      <t>ツルミネ</t>
    </rPh>
    <rPh sb="2" eb="4">
      <t>コウコウ</t>
    </rPh>
    <phoneticPr fontId="5"/>
  </si>
  <si>
    <t>鎌倉高校</t>
    <rPh sb="0" eb="2">
      <t>カマクラ</t>
    </rPh>
    <rPh sb="2" eb="4">
      <t>コウコウ</t>
    </rPh>
    <phoneticPr fontId="14"/>
  </si>
  <si>
    <t>茅ケ崎高校</t>
    <rPh sb="0" eb="3">
      <t>チガサキ</t>
    </rPh>
    <rPh sb="3" eb="5">
      <t>コウコウ</t>
    </rPh>
    <phoneticPr fontId="14"/>
  </si>
  <si>
    <t>山北高校</t>
    <rPh sb="0" eb="2">
      <t>ヤマキタ</t>
    </rPh>
    <rPh sb="2" eb="4">
      <t>コウコウ</t>
    </rPh>
    <phoneticPr fontId="5"/>
  </si>
  <si>
    <t>横浜明朋高校</t>
    <rPh sb="0" eb="2">
      <t>ヨコハマ</t>
    </rPh>
    <rPh sb="2" eb="3">
      <t>メイ</t>
    </rPh>
    <rPh sb="3" eb="4">
      <t>ホウ</t>
    </rPh>
    <rPh sb="4" eb="6">
      <t>コウコウ</t>
    </rPh>
    <phoneticPr fontId="5"/>
  </si>
  <si>
    <t>三ツ境養護学校</t>
    <rPh sb="0" eb="1">
      <t>ミ</t>
    </rPh>
    <rPh sb="2" eb="3">
      <t>キョウ</t>
    </rPh>
    <rPh sb="3" eb="5">
      <t>ヨウゴ</t>
    </rPh>
    <rPh sb="5" eb="7">
      <t>ガッコウ</t>
    </rPh>
    <phoneticPr fontId="5"/>
  </si>
  <si>
    <t>県営追浜第二団地</t>
    <rPh sb="0" eb="2">
      <t>ケンエイ</t>
    </rPh>
    <rPh sb="2" eb="4">
      <t>オッパマ</t>
    </rPh>
    <rPh sb="4" eb="6">
      <t>ダイニ</t>
    </rPh>
    <rPh sb="6" eb="8">
      <t>ダンチ</t>
    </rPh>
    <phoneticPr fontId="8"/>
  </si>
  <si>
    <t>茅ケ崎高校</t>
    <rPh sb="0" eb="5">
      <t>チガサキコウコウ</t>
    </rPh>
    <phoneticPr fontId="5"/>
  </si>
  <si>
    <t>鎌倉高校</t>
  </si>
  <si>
    <t>平塚農商高校</t>
    <rPh sb="0" eb="2">
      <t>ヒラツカ</t>
    </rPh>
    <rPh sb="2" eb="3">
      <t>ノウ</t>
    </rPh>
    <rPh sb="3" eb="4">
      <t>ショウ</t>
    </rPh>
    <rPh sb="4" eb="6">
      <t>コウコウ</t>
    </rPh>
    <phoneticPr fontId="5"/>
  </si>
  <si>
    <t>茅ケ崎高校</t>
    <rPh sb="0" eb="3">
      <t>チガサキ</t>
    </rPh>
    <rPh sb="3" eb="5">
      <t>コウコウ</t>
    </rPh>
    <phoneticPr fontId="21"/>
  </si>
  <si>
    <t>山北高校</t>
    <rPh sb="0" eb="2">
      <t>ヤマキタ</t>
    </rPh>
    <rPh sb="2" eb="4">
      <t>コウコウ</t>
    </rPh>
    <phoneticPr fontId="21"/>
  </si>
  <si>
    <t>青少年センター</t>
    <rPh sb="0" eb="3">
      <t>セイショウネン</t>
    </rPh>
    <phoneticPr fontId="5"/>
  </si>
  <si>
    <t>相模原高校</t>
    <rPh sb="0" eb="3">
      <t>サガミハラ</t>
    </rPh>
    <rPh sb="3" eb="5">
      <t>コウコウ</t>
    </rPh>
    <phoneticPr fontId="5"/>
  </si>
  <si>
    <t>横浜翠嵐高校</t>
  </si>
  <si>
    <t>横浜翠嵐高校</t>
    <rPh sb="0" eb="2">
      <t>ヨコハマ</t>
    </rPh>
    <rPh sb="2" eb="4">
      <t>スイラン</t>
    </rPh>
    <rPh sb="4" eb="6">
      <t>コウコウ</t>
    </rPh>
    <phoneticPr fontId="5"/>
  </si>
  <si>
    <t>平塚農商高校</t>
    <rPh sb="0" eb="2">
      <t>ヒラツカ</t>
    </rPh>
    <rPh sb="2" eb="4">
      <t>ノウショウ</t>
    </rPh>
    <rPh sb="4" eb="6">
      <t>コウコウ</t>
    </rPh>
    <phoneticPr fontId="5"/>
  </si>
  <si>
    <t>緑警察署</t>
    <rPh sb="0" eb="1">
      <t>ミドリ</t>
    </rPh>
    <rPh sb="1" eb="4">
      <t>ケイサツショ</t>
    </rPh>
    <phoneticPr fontId="5"/>
  </si>
  <si>
    <t>茅ケ崎西浜高校</t>
    <rPh sb="0" eb="3">
      <t>チガサキ</t>
    </rPh>
    <rPh sb="3" eb="5">
      <t>ニシハマ</t>
    </rPh>
    <rPh sb="5" eb="7">
      <t>コウコウ</t>
    </rPh>
    <phoneticPr fontId="5"/>
  </si>
  <si>
    <t>県営万騎ケ原団地</t>
    <rPh sb="0" eb="2">
      <t>ケンエイ</t>
    </rPh>
    <rPh sb="2" eb="3">
      <t>マ</t>
    </rPh>
    <rPh sb="3" eb="4">
      <t>キ</t>
    </rPh>
    <rPh sb="5" eb="6">
      <t>ハラ</t>
    </rPh>
    <rPh sb="6" eb="8">
      <t>ダンチ</t>
    </rPh>
    <phoneticPr fontId="8"/>
  </si>
  <si>
    <t>茅ケ崎西浜高校</t>
    <rPh sb="0" eb="3">
      <t>チガサキ</t>
    </rPh>
    <rPh sb="3" eb="7">
      <t>ニシハマコウコウ</t>
    </rPh>
    <phoneticPr fontId="5"/>
  </si>
  <si>
    <t>海老名高校</t>
    <rPh sb="0" eb="3">
      <t>エビナ</t>
    </rPh>
    <rPh sb="3" eb="5">
      <t>コウコウ</t>
    </rPh>
    <phoneticPr fontId="5"/>
  </si>
  <si>
    <t>川和高校</t>
    <rPh sb="0" eb="2">
      <t>カワワ</t>
    </rPh>
    <rPh sb="2" eb="4">
      <t>コウコウ</t>
    </rPh>
    <phoneticPr fontId="5"/>
  </si>
  <si>
    <t>横須賀工業高校</t>
    <rPh sb="0" eb="3">
      <t>ヨコスカ</t>
    </rPh>
    <rPh sb="3" eb="5">
      <t>コウギョウ</t>
    </rPh>
    <rPh sb="5" eb="7">
      <t>コウコウ</t>
    </rPh>
    <phoneticPr fontId="5"/>
  </si>
  <si>
    <t>平塚養護学校</t>
    <rPh sb="0" eb="2">
      <t>ヒラツカ</t>
    </rPh>
    <phoneticPr fontId="8"/>
  </si>
  <si>
    <t>座間養護学校</t>
    <rPh sb="0" eb="2">
      <t>ザマ</t>
    </rPh>
    <rPh sb="2" eb="4">
      <t>ヨウゴ</t>
    </rPh>
    <rPh sb="4" eb="6">
      <t>ガッコウ</t>
    </rPh>
    <phoneticPr fontId="5"/>
  </si>
  <si>
    <t>水産技術センター</t>
    <rPh sb="0" eb="2">
      <t>スイサン</t>
    </rPh>
    <rPh sb="2" eb="4">
      <t>ギジュツ</t>
    </rPh>
    <phoneticPr fontId="5"/>
  </si>
  <si>
    <t>藤沢養護学校</t>
    <rPh sb="0" eb="6">
      <t>フジサワヨウゴガッコウ</t>
    </rPh>
    <phoneticPr fontId="5"/>
  </si>
  <si>
    <t>高津養護学校</t>
    <rPh sb="0" eb="2">
      <t>タカツ</t>
    </rPh>
    <rPh sb="2" eb="4">
      <t>ヨウゴ</t>
    </rPh>
    <rPh sb="4" eb="6">
      <t>ガッコウ</t>
    </rPh>
    <phoneticPr fontId="5"/>
  </si>
  <si>
    <t>神奈川県戦没者慰霊堂附属会館</t>
    <rPh sb="0" eb="4">
      <t>カナガワケン</t>
    </rPh>
    <rPh sb="4" eb="7">
      <t>センボツシャ</t>
    </rPh>
    <rPh sb="7" eb="9">
      <t>イレイ</t>
    </rPh>
    <rPh sb="9" eb="10">
      <t>ドウ</t>
    </rPh>
    <rPh sb="10" eb="12">
      <t>フゾク</t>
    </rPh>
    <rPh sb="12" eb="14">
      <t>カイカン</t>
    </rPh>
    <phoneticPr fontId="5"/>
  </si>
  <si>
    <t>厚木精華園</t>
    <rPh sb="0" eb="5">
      <t>アツギセイカエン</t>
    </rPh>
    <phoneticPr fontId="5"/>
  </si>
  <si>
    <t>荏田高校</t>
    <rPh sb="0" eb="4">
      <t>エダコウコウ</t>
    </rPh>
    <phoneticPr fontId="5"/>
  </si>
  <si>
    <t>農業技術センター三浦半島地区事務所</t>
    <rPh sb="0" eb="4">
      <t>ノウギョウギジュツ</t>
    </rPh>
    <rPh sb="8" eb="17">
      <t>ミウラハントウチクジムショ</t>
    </rPh>
    <phoneticPr fontId="5"/>
  </si>
  <si>
    <t>平塚ふじみ園</t>
    <rPh sb="0" eb="2">
      <t>ヒラツカ</t>
    </rPh>
    <rPh sb="5" eb="6">
      <t>エン</t>
    </rPh>
    <phoneticPr fontId="5"/>
  </si>
  <si>
    <t>相模湖漕艇場</t>
  </si>
  <si>
    <t>農業技術センター足柄地区事務所根府川分室</t>
    <rPh sb="0" eb="2">
      <t>ノウギョウ</t>
    </rPh>
    <rPh sb="2" eb="4">
      <t>ギジュツ</t>
    </rPh>
    <rPh sb="8" eb="10">
      <t>アシガラ</t>
    </rPh>
    <rPh sb="10" eb="12">
      <t>チク</t>
    </rPh>
    <rPh sb="12" eb="14">
      <t>ジム</t>
    </rPh>
    <rPh sb="14" eb="15">
      <t>ショ</t>
    </rPh>
    <rPh sb="15" eb="18">
      <t>ネブカワ</t>
    </rPh>
    <rPh sb="18" eb="20">
      <t>ブンシツ</t>
    </rPh>
    <phoneticPr fontId="14"/>
  </si>
  <si>
    <t>小田原城北工業高校</t>
    <rPh sb="0" eb="3">
      <t>オダワラ</t>
    </rPh>
    <rPh sb="3" eb="4">
      <t>ジョウ</t>
    </rPh>
    <rPh sb="4" eb="5">
      <t>ホク</t>
    </rPh>
    <rPh sb="5" eb="7">
      <t>コウギョウ</t>
    </rPh>
    <rPh sb="7" eb="9">
      <t>コウコウ</t>
    </rPh>
    <phoneticPr fontId="5"/>
  </si>
  <si>
    <t>横浜旭陵高校</t>
    <rPh sb="0" eb="4">
      <t>ヨコハマキョクリョウ</t>
    </rPh>
    <rPh sb="4" eb="6">
      <t>コウコウ</t>
    </rPh>
    <phoneticPr fontId="5"/>
  </si>
  <si>
    <t>川崎北高校</t>
  </si>
  <si>
    <t>秦野高校</t>
    <rPh sb="0" eb="2">
      <t>ハダノ</t>
    </rPh>
    <rPh sb="2" eb="4">
      <t>コウコウ</t>
    </rPh>
    <phoneticPr fontId="5"/>
  </si>
  <si>
    <t>環境科学センター</t>
    <rPh sb="0" eb="2">
      <t>カンキョウ</t>
    </rPh>
    <rPh sb="2" eb="4">
      <t>カガク</t>
    </rPh>
    <phoneticPr fontId="5"/>
  </si>
  <si>
    <t>川崎北高校</t>
    <rPh sb="0" eb="2">
      <t>カワサキ</t>
    </rPh>
    <rPh sb="2" eb="3">
      <t>キタ</t>
    </rPh>
    <rPh sb="3" eb="5">
      <t>コウコウ</t>
    </rPh>
    <phoneticPr fontId="5"/>
  </si>
  <si>
    <t>おおいそ学園</t>
    <rPh sb="4" eb="6">
      <t>ガクエン</t>
    </rPh>
    <phoneticPr fontId="5"/>
  </si>
  <si>
    <t>宮ケ瀬やまなみセンター</t>
    <rPh sb="0" eb="3">
      <t>ミヤガセ</t>
    </rPh>
    <phoneticPr fontId="5"/>
  </si>
  <si>
    <t>小田原城北工業高校</t>
    <rPh sb="0" eb="7">
      <t>オダワラジョウホクコウギョウ</t>
    </rPh>
    <rPh sb="7" eb="9">
      <t>コウコウ</t>
    </rPh>
    <phoneticPr fontId="5"/>
  </si>
  <si>
    <t>ライトセンター</t>
  </si>
  <si>
    <t>川崎北高校</t>
    <rPh sb="0" eb="5">
      <t>カワサキキタコウコウ</t>
    </rPh>
    <phoneticPr fontId="5"/>
  </si>
  <si>
    <t>県営伊勢原峰岸団地</t>
    <rPh sb="0" eb="7">
      <t>ケンエイイセハラミネギシ</t>
    </rPh>
    <rPh sb="7" eb="9">
      <t>ダンチ</t>
    </rPh>
    <phoneticPr fontId="8"/>
  </si>
  <si>
    <t>県営鶴ケ峰団地</t>
    <rPh sb="0" eb="2">
      <t>ケンエイ</t>
    </rPh>
    <rPh sb="2" eb="5">
      <t>ツルガミネ</t>
    </rPh>
    <rPh sb="5" eb="7">
      <t>ダンチ</t>
    </rPh>
    <phoneticPr fontId="8"/>
  </si>
  <si>
    <t>県営万騎ケ原団地</t>
  </si>
  <si>
    <t>県営いちょう下和田団地</t>
    <rPh sb="6" eb="9">
      <t>シモワダ</t>
    </rPh>
    <rPh sb="9" eb="11">
      <t>ダンチ</t>
    </rPh>
    <phoneticPr fontId="8"/>
  </si>
  <si>
    <t>県営綾瀬寺尾団地</t>
    <rPh sb="0" eb="2">
      <t>ケンエイ</t>
    </rPh>
    <rPh sb="2" eb="4">
      <t>アヤセ</t>
    </rPh>
    <rPh sb="4" eb="6">
      <t>テラオ</t>
    </rPh>
    <rPh sb="6" eb="8">
      <t>ダンチ</t>
    </rPh>
    <phoneticPr fontId="8"/>
  </si>
  <si>
    <t>三浦市南下浦町毘沙門　地内</t>
    <rPh sb="0" eb="3">
      <t>ミウラシ</t>
    </rPh>
    <rPh sb="3" eb="10">
      <t>ミナミシモウラマチビシャモン</t>
    </rPh>
    <rPh sb="11" eb="12">
      <t>チ</t>
    </rPh>
    <rPh sb="12" eb="13">
      <t>ナイ</t>
    </rPh>
    <phoneticPr fontId="0"/>
  </si>
  <si>
    <t>葉山町長柄　地内　他（南郷隧道　他）</t>
    <rPh sb="0" eb="2">
      <t>ハヤマ</t>
    </rPh>
    <rPh sb="2" eb="3">
      <t>マチ</t>
    </rPh>
    <rPh sb="3" eb="5">
      <t>ナガエ</t>
    </rPh>
    <rPh sb="6" eb="7">
      <t>チ</t>
    </rPh>
    <rPh sb="7" eb="8">
      <t>ナイ</t>
    </rPh>
    <rPh sb="9" eb="10">
      <t>ホカ</t>
    </rPh>
    <rPh sb="11" eb="13">
      <t>ナンゴウ</t>
    </rPh>
    <rPh sb="13" eb="15">
      <t>ズイドウ</t>
    </rPh>
    <rPh sb="16" eb="17">
      <t>ホカ</t>
    </rPh>
    <phoneticPr fontId="0"/>
  </si>
  <si>
    <t>横須賀市浦賀一丁目　地内　他</t>
    <rPh sb="0" eb="4">
      <t>ヨコスカシ</t>
    </rPh>
    <rPh sb="4" eb="6">
      <t>ウラガ</t>
    </rPh>
    <rPh sb="6" eb="9">
      <t>イッチョウメ</t>
    </rPh>
    <rPh sb="10" eb="12">
      <t>チナイ</t>
    </rPh>
    <rPh sb="13" eb="14">
      <t>ホカ</t>
    </rPh>
    <phoneticPr fontId="27"/>
  </si>
  <si>
    <t>葉山町堀内　地内（葉山隧道）</t>
    <rPh sb="9" eb="11">
      <t>ハヤマ</t>
    </rPh>
    <rPh sb="11" eb="13">
      <t>ズイドウ</t>
    </rPh>
    <phoneticPr fontId="25"/>
  </si>
  <si>
    <t>逗子市新宿五丁目　地内</t>
    <rPh sb="0" eb="2">
      <t>ズシ</t>
    </rPh>
    <rPh sb="2" eb="3">
      <t>シ</t>
    </rPh>
    <rPh sb="3" eb="5">
      <t>シンシュク</t>
    </rPh>
    <rPh sb="5" eb="8">
      <t>ゴチョウメ</t>
    </rPh>
    <rPh sb="9" eb="10">
      <t>チ</t>
    </rPh>
    <rPh sb="10" eb="11">
      <t>ナイ</t>
    </rPh>
    <phoneticPr fontId="25"/>
  </si>
  <si>
    <t>葉山町長柄　地内　他</t>
    <rPh sb="0" eb="2">
      <t>ハヤマ</t>
    </rPh>
    <rPh sb="2" eb="3">
      <t>マチ</t>
    </rPh>
    <rPh sb="3" eb="5">
      <t>ナガエ</t>
    </rPh>
    <rPh sb="6" eb="7">
      <t>チ</t>
    </rPh>
    <rPh sb="7" eb="8">
      <t>ナイ</t>
    </rPh>
    <rPh sb="9" eb="10">
      <t>ホカ</t>
    </rPh>
    <phoneticPr fontId="25"/>
  </si>
  <si>
    <t>横須賀市津久井一丁目　地内　他</t>
    <rPh sb="0" eb="4">
      <t>ヨコスカシ</t>
    </rPh>
    <rPh sb="4" eb="7">
      <t>ツクイ</t>
    </rPh>
    <rPh sb="7" eb="10">
      <t>イッチョウメ</t>
    </rPh>
    <rPh sb="11" eb="13">
      <t>チナイ</t>
    </rPh>
    <rPh sb="14" eb="15">
      <t>ホカ</t>
    </rPh>
    <phoneticPr fontId="25"/>
  </si>
  <si>
    <t>横須賀市公郷町一丁目　地先</t>
    <rPh sb="0" eb="3">
      <t>ヨコスカ</t>
    </rPh>
    <rPh sb="3" eb="4">
      <t>シ</t>
    </rPh>
    <rPh sb="4" eb="7">
      <t>クゴウチョウ</t>
    </rPh>
    <rPh sb="7" eb="10">
      <t>イッチョウメ</t>
    </rPh>
    <rPh sb="11" eb="13">
      <t>チサキ</t>
    </rPh>
    <phoneticPr fontId="25"/>
  </si>
  <si>
    <t>逗子市新宿一丁目　地先　他</t>
    <rPh sb="0" eb="3">
      <t>ズシシ</t>
    </rPh>
    <rPh sb="3" eb="5">
      <t>シンジュク</t>
    </rPh>
    <rPh sb="5" eb="8">
      <t>イッチョウメ</t>
    </rPh>
    <rPh sb="9" eb="11">
      <t>チサキ</t>
    </rPh>
    <rPh sb="12" eb="13">
      <t>ホカ</t>
    </rPh>
    <phoneticPr fontId="25"/>
  </si>
  <si>
    <t>横須賀市野比三丁目　地内</t>
    <rPh sb="0" eb="4">
      <t>ヨコスカシ</t>
    </rPh>
    <rPh sb="4" eb="6">
      <t>ノビ</t>
    </rPh>
    <rPh sb="6" eb="7">
      <t>サン</t>
    </rPh>
    <rPh sb="10" eb="12">
      <t>ジナイ</t>
    </rPh>
    <rPh sb="11" eb="12">
      <t>ナイ</t>
    </rPh>
    <phoneticPr fontId="25"/>
  </si>
  <si>
    <t>横須賀市武四丁目　地内</t>
    <rPh sb="0" eb="4">
      <t>ヨコスカシ</t>
    </rPh>
    <rPh sb="4" eb="5">
      <t>タケ</t>
    </rPh>
    <rPh sb="5" eb="6">
      <t>ヨン</t>
    </rPh>
    <rPh sb="6" eb="8">
      <t>チョウメ</t>
    </rPh>
    <rPh sb="9" eb="11">
      <t>ジナイ</t>
    </rPh>
    <phoneticPr fontId="25"/>
  </si>
  <si>
    <t>三浦市向ヶ崎町　地内　他</t>
    <rPh sb="0" eb="2">
      <t>ミウラ</t>
    </rPh>
    <rPh sb="2" eb="3">
      <t>シ</t>
    </rPh>
    <rPh sb="3" eb="4">
      <t>ムコウ</t>
    </rPh>
    <rPh sb="5" eb="6">
      <t>サキ</t>
    </rPh>
    <rPh sb="6" eb="7">
      <t>チョウ</t>
    </rPh>
    <rPh sb="8" eb="9">
      <t>チ</t>
    </rPh>
    <rPh sb="9" eb="10">
      <t>ナイ</t>
    </rPh>
    <rPh sb="11" eb="12">
      <t>ホカ</t>
    </rPh>
    <phoneticPr fontId="20"/>
  </si>
  <si>
    <t>三浦市南下浦町菊名　地内　他</t>
    <rPh sb="0" eb="3">
      <t>ミウラシ</t>
    </rPh>
    <rPh sb="3" eb="4">
      <t>ミナミ</t>
    </rPh>
    <rPh sb="4" eb="5">
      <t>シタ</t>
    </rPh>
    <rPh sb="5" eb="6">
      <t>ウラ</t>
    </rPh>
    <rPh sb="6" eb="7">
      <t>マチ</t>
    </rPh>
    <rPh sb="7" eb="9">
      <t>キクナ</t>
    </rPh>
    <rPh sb="10" eb="11">
      <t>チ</t>
    </rPh>
    <rPh sb="11" eb="12">
      <t>ナイ</t>
    </rPh>
    <rPh sb="13" eb="14">
      <t>ホカ</t>
    </rPh>
    <phoneticPr fontId="20"/>
  </si>
  <si>
    <t>横須賀市野比五丁目　地内</t>
    <rPh sb="0" eb="4">
      <t>ヨコスカシ</t>
    </rPh>
    <rPh sb="4" eb="6">
      <t>ノビ</t>
    </rPh>
    <rPh sb="6" eb="9">
      <t>ゴチョウメ</t>
    </rPh>
    <rPh sb="10" eb="11">
      <t>チ</t>
    </rPh>
    <rPh sb="11" eb="12">
      <t>ナイ</t>
    </rPh>
    <phoneticPr fontId="20"/>
  </si>
  <si>
    <t>横須賀市衣笠町　地内　他</t>
    <rPh sb="0" eb="4">
      <t>ヨコスカシ</t>
    </rPh>
    <rPh sb="4" eb="6">
      <t>キヌガサ</t>
    </rPh>
    <rPh sb="6" eb="7">
      <t>チョウ</t>
    </rPh>
    <rPh sb="8" eb="10">
      <t>チナイ</t>
    </rPh>
    <rPh sb="11" eb="12">
      <t>ホカ</t>
    </rPh>
    <phoneticPr fontId="24"/>
  </si>
  <si>
    <t>三浦市栄町　地内　他</t>
    <rPh sb="0" eb="3">
      <t>ミウラシ</t>
    </rPh>
    <rPh sb="3" eb="4">
      <t>サカエ</t>
    </rPh>
    <rPh sb="4" eb="5">
      <t>チョウ</t>
    </rPh>
    <rPh sb="6" eb="8">
      <t>チナイ</t>
    </rPh>
    <rPh sb="9" eb="10">
      <t>ホカ</t>
    </rPh>
    <phoneticPr fontId="24"/>
  </si>
  <si>
    <t>横須賀市浦賀三丁目　地内　他</t>
    <rPh sb="0" eb="4">
      <t>ヨコスカシ</t>
    </rPh>
    <rPh sb="4" eb="6">
      <t>ウラガ</t>
    </rPh>
    <rPh sb="6" eb="9">
      <t>サンチョウメ</t>
    </rPh>
    <rPh sb="10" eb="11">
      <t>チ</t>
    </rPh>
    <rPh sb="11" eb="12">
      <t>ナイ</t>
    </rPh>
    <rPh sb="13" eb="14">
      <t>ホカ</t>
    </rPh>
    <phoneticPr fontId="20"/>
  </si>
  <si>
    <t>横須賀市小矢部四丁目　地内</t>
    <rPh sb="0" eb="4">
      <t>ヨコスカシ</t>
    </rPh>
    <rPh sb="4" eb="7">
      <t>コヤベ</t>
    </rPh>
    <rPh sb="7" eb="10">
      <t>ヨンチョウメ</t>
    </rPh>
    <rPh sb="11" eb="12">
      <t>チ</t>
    </rPh>
    <rPh sb="12" eb="13">
      <t>ナイ</t>
    </rPh>
    <phoneticPr fontId="20"/>
  </si>
  <si>
    <t>葉山町一色　地内　他</t>
    <rPh sb="0" eb="3">
      <t>ハヤママチ</t>
    </rPh>
    <rPh sb="3" eb="5">
      <t>イッシキ</t>
    </rPh>
    <rPh sb="6" eb="7">
      <t>チ</t>
    </rPh>
    <rPh sb="7" eb="8">
      <t>ナイ</t>
    </rPh>
    <rPh sb="9" eb="10">
      <t>ホカ</t>
    </rPh>
    <phoneticPr fontId="13"/>
  </si>
  <si>
    <t>三浦市初声町下宮田　地内　他</t>
  </si>
  <si>
    <t>三浦市南下浦町菊名　地内　他</t>
    <rPh sb="13" eb="14">
      <t>ホカ</t>
    </rPh>
    <phoneticPr fontId="20"/>
  </si>
  <si>
    <t>逗子市池子一丁目　地内</t>
    <rPh sb="0" eb="3">
      <t>ズシシ</t>
    </rPh>
    <rPh sb="3" eb="5">
      <t>イケゴ</t>
    </rPh>
    <rPh sb="5" eb="6">
      <t>イチ</t>
    </rPh>
    <rPh sb="6" eb="8">
      <t>チョウメ</t>
    </rPh>
    <rPh sb="9" eb="11">
      <t>チナイ</t>
    </rPh>
    <phoneticPr fontId="20"/>
  </si>
  <si>
    <t>横須賀市秋谷　地先</t>
    <rPh sb="0" eb="4">
      <t>ヨコスカシ</t>
    </rPh>
    <rPh sb="4" eb="6">
      <t>アキヤ</t>
    </rPh>
    <rPh sb="7" eb="9">
      <t>チサキ</t>
    </rPh>
    <phoneticPr fontId="20"/>
  </si>
  <si>
    <t>横須賀市久比里一丁目　地内　他</t>
    <rPh sb="7" eb="10">
      <t>イッチョウメ</t>
    </rPh>
    <rPh sb="14" eb="15">
      <t>ホカ</t>
    </rPh>
    <phoneticPr fontId="22"/>
  </si>
  <si>
    <t>葉山町上山口　地内（星山隧道）</t>
    <rPh sb="0" eb="3">
      <t>ハヤママチ</t>
    </rPh>
    <rPh sb="3" eb="6">
      <t>カミヤマグチ</t>
    </rPh>
    <rPh sb="7" eb="8">
      <t>チ</t>
    </rPh>
    <rPh sb="8" eb="9">
      <t>ナイ</t>
    </rPh>
    <rPh sb="10" eb="14">
      <t>ホシヤマズイドウ</t>
    </rPh>
    <phoneticPr fontId="22"/>
  </si>
  <si>
    <t>横須賀市秋谷　地内　他（久留和隧道）</t>
    <rPh sb="0" eb="4">
      <t>ヨコスカシ</t>
    </rPh>
    <rPh sb="4" eb="6">
      <t>アキヤ</t>
    </rPh>
    <rPh sb="7" eb="8">
      <t>チ</t>
    </rPh>
    <rPh sb="8" eb="9">
      <t>ナイ</t>
    </rPh>
    <rPh sb="10" eb="11">
      <t>ホカ</t>
    </rPh>
    <rPh sb="12" eb="17">
      <t>クルワズイドウ</t>
    </rPh>
    <phoneticPr fontId="22"/>
  </si>
  <si>
    <t>葉山町長柄　地内　</t>
    <rPh sb="0" eb="2">
      <t>ハヤマ</t>
    </rPh>
    <rPh sb="2" eb="3">
      <t>マチ</t>
    </rPh>
    <rPh sb="3" eb="5">
      <t>ナガエ</t>
    </rPh>
    <rPh sb="6" eb="7">
      <t>チ</t>
    </rPh>
    <rPh sb="7" eb="8">
      <t>ナイ</t>
    </rPh>
    <phoneticPr fontId="22"/>
  </si>
  <si>
    <t>逗子市新宿二丁目　地内</t>
    <rPh sb="0" eb="2">
      <t>ズシ</t>
    </rPh>
    <rPh sb="2" eb="3">
      <t>シ</t>
    </rPh>
    <rPh sb="3" eb="5">
      <t>シンジュク</t>
    </rPh>
    <rPh sb="5" eb="6">
      <t>ニ</t>
    </rPh>
    <rPh sb="6" eb="8">
      <t>チョウメ</t>
    </rPh>
    <rPh sb="9" eb="11">
      <t>チナイ</t>
    </rPh>
    <phoneticPr fontId="22"/>
  </si>
  <si>
    <t>横須賀市長沢六丁目　地内</t>
    <rPh sb="0" eb="4">
      <t>ヨコスカシ</t>
    </rPh>
    <rPh sb="4" eb="6">
      <t>ナガサワ</t>
    </rPh>
    <rPh sb="6" eb="9">
      <t>ロクチョウメ</t>
    </rPh>
    <rPh sb="10" eb="11">
      <t>チ</t>
    </rPh>
    <rPh sb="11" eb="12">
      <t>ナイ</t>
    </rPh>
    <phoneticPr fontId="22"/>
  </si>
  <si>
    <t>逗子市逗子二丁目　地先　他</t>
    <rPh sb="0" eb="3">
      <t>ズシシ</t>
    </rPh>
    <rPh sb="3" eb="5">
      <t>ズシ</t>
    </rPh>
    <rPh sb="5" eb="8">
      <t>ニチョウメ</t>
    </rPh>
    <rPh sb="9" eb="11">
      <t>チサキ</t>
    </rPh>
    <rPh sb="12" eb="13">
      <t>ホカ</t>
    </rPh>
    <phoneticPr fontId="22"/>
  </si>
  <si>
    <t>横須賀市鴨居三丁目　地内</t>
    <rPh sb="0" eb="3">
      <t>ヨコスカ</t>
    </rPh>
    <rPh sb="3" eb="4">
      <t>シ</t>
    </rPh>
    <rPh sb="4" eb="6">
      <t>カモイ</t>
    </rPh>
    <rPh sb="6" eb="9">
      <t>サンチョウメ</t>
    </rPh>
    <rPh sb="10" eb="11">
      <t>チ</t>
    </rPh>
    <rPh sb="11" eb="12">
      <t>ナイ</t>
    </rPh>
    <phoneticPr fontId="26"/>
  </si>
  <si>
    <t>葉山町一色　地先　他</t>
    <rPh sb="0" eb="3">
      <t>ハヤママチ</t>
    </rPh>
    <rPh sb="3" eb="5">
      <t>イッショク</t>
    </rPh>
    <rPh sb="6" eb="8">
      <t>チサキ</t>
    </rPh>
    <rPh sb="9" eb="10">
      <t>ホカ</t>
    </rPh>
    <phoneticPr fontId="26"/>
  </si>
  <si>
    <t>葉山町上山口　地先</t>
    <rPh sb="0" eb="3">
      <t>ハヤママチ</t>
    </rPh>
    <rPh sb="3" eb="4">
      <t>ウエ</t>
    </rPh>
    <rPh sb="4" eb="6">
      <t>ヤマグチ</t>
    </rPh>
    <rPh sb="7" eb="9">
      <t>チサキ</t>
    </rPh>
    <phoneticPr fontId="26"/>
  </si>
  <si>
    <t>葉山町下山口　地先</t>
    <rPh sb="0" eb="2">
      <t>ハヤマ</t>
    </rPh>
    <rPh sb="2" eb="3">
      <t>マチ</t>
    </rPh>
    <rPh sb="3" eb="5">
      <t>シモヤマ</t>
    </rPh>
    <rPh sb="5" eb="6">
      <t>クチ</t>
    </rPh>
    <rPh sb="7" eb="9">
      <t>チサキ</t>
    </rPh>
    <phoneticPr fontId="26"/>
  </si>
  <si>
    <t>横須賀市浦賀三丁目　地内</t>
    <rPh sb="0" eb="3">
      <t>ヨコスカ</t>
    </rPh>
    <rPh sb="3" eb="4">
      <t>シ</t>
    </rPh>
    <rPh sb="4" eb="6">
      <t>ウラガ</t>
    </rPh>
    <rPh sb="6" eb="9">
      <t>サンチョウメ</t>
    </rPh>
    <rPh sb="10" eb="11">
      <t>チ</t>
    </rPh>
    <rPh sb="11" eb="12">
      <t>ナイ</t>
    </rPh>
    <phoneticPr fontId="26"/>
  </si>
  <si>
    <t>横須賀市佐野町五丁目　地内</t>
    <rPh sb="0" eb="4">
      <t>ヨコスカシ</t>
    </rPh>
    <rPh sb="4" eb="7">
      <t>サノチョウ</t>
    </rPh>
    <rPh sb="7" eb="10">
      <t>ゴチョウメ</t>
    </rPh>
    <rPh sb="11" eb="13">
      <t>チナイ</t>
    </rPh>
    <phoneticPr fontId="0"/>
  </si>
  <si>
    <t>横須賀市長井一丁目　地内</t>
    <rPh sb="0" eb="4">
      <t>ヨコスカシ</t>
    </rPh>
    <rPh sb="4" eb="6">
      <t>ナガイ</t>
    </rPh>
    <rPh sb="6" eb="7">
      <t>イチ</t>
    </rPh>
    <rPh sb="7" eb="9">
      <t>チョウメ</t>
    </rPh>
    <rPh sb="10" eb="11">
      <t>チ</t>
    </rPh>
    <rPh sb="11" eb="12">
      <t>ナイ</t>
    </rPh>
    <phoneticPr fontId="0"/>
  </si>
  <si>
    <t>横須賀市浦賀七丁目　地内　他</t>
    <rPh sb="0" eb="4">
      <t>ヨコスカシ</t>
    </rPh>
    <rPh sb="4" eb="6">
      <t>ウラガ</t>
    </rPh>
    <rPh sb="6" eb="7">
      <t>ナナ</t>
    </rPh>
    <rPh sb="7" eb="9">
      <t>チョウメ</t>
    </rPh>
    <rPh sb="10" eb="11">
      <t>チ</t>
    </rPh>
    <rPh sb="11" eb="12">
      <t>ナイ</t>
    </rPh>
    <rPh sb="13" eb="14">
      <t>ホカ</t>
    </rPh>
    <phoneticPr fontId="0"/>
  </si>
  <si>
    <t>横須賀市追浜町二丁目　地内</t>
    <rPh sb="0" eb="4">
      <t>ヨコスカシ</t>
    </rPh>
    <rPh sb="4" eb="7">
      <t>オッパママチ</t>
    </rPh>
    <rPh sb="7" eb="10">
      <t>ニチョウメ</t>
    </rPh>
    <rPh sb="11" eb="12">
      <t>チ</t>
    </rPh>
    <rPh sb="12" eb="13">
      <t>ナイ</t>
    </rPh>
    <phoneticPr fontId="16"/>
  </si>
  <si>
    <t>三浦市南下浦町上宮田　地内</t>
  </si>
  <si>
    <t>三浦市城山町　地内　他</t>
  </si>
  <si>
    <t>横須賀市久里浜七丁目　地内</t>
    <rPh sb="0" eb="4">
      <t>ヨコスカシ</t>
    </rPh>
    <rPh sb="4" eb="7">
      <t>クリハマ</t>
    </rPh>
    <rPh sb="7" eb="10">
      <t>７チョウメ</t>
    </rPh>
    <rPh sb="11" eb="12">
      <t>チ</t>
    </rPh>
    <rPh sb="12" eb="13">
      <t>ナイ</t>
    </rPh>
    <phoneticPr fontId="0"/>
  </si>
  <si>
    <t>逗子市沼間五丁目　地内</t>
    <rPh sb="0" eb="3">
      <t>ズシシ</t>
    </rPh>
    <rPh sb="3" eb="5">
      <t>ヌママ</t>
    </rPh>
    <rPh sb="5" eb="6">
      <t>５</t>
    </rPh>
    <rPh sb="6" eb="8">
      <t>チョウメ</t>
    </rPh>
    <rPh sb="9" eb="11">
      <t>チナイ</t>
    </rPh>
    <phoneticPr fontId="0"/>
  </si>
  <si>
    <t>横須賀市秋谷三丁目　地内</t>
    <rPh sb="0" eb="4">
      <t>ヨコスカシ</t>
    </rPh>
    <rPh sb="4" eb="6">
      <t>アキヤ</t>
    </rPh>
    <rPh sb="6" eb="9">
      <t>サンチョウメ</t>
    </rPh>
    <rPh sb="10" eb="11">
      <t>チ</t>
    </rPh>
    <rPh sb="11" eb="12">
      <t>ナイ</t>
    </rPh>
    <phoneticPr fontId="0"/>
  </si>
  <si>
    <t>横須賀市走水二丁目　地内　他</t>
    <rPh sb="0" eb="3">
      <t>ヨコスカ</t>
    </rPh>
    <rPh sb="3" eb="4">
      <t>シ</t>
    </rPh>
    <rPh sb="4" eb="6">
      <t>ハシリミズ</t>
    </rPh>
    <rPh sb="6" eb="9">
      <t>ニチョウメ</t>
    </rPh>
    <rPh sb="10" eb="11">
      <t>チ</t>
    </rPh>
    <rPh sb="11" eb="12">
      <t>ナイ</t>
    </rPh>
    <rPh sb="13" eb="14">
      <t>ホカ</t>
    </rPh>
    <phoneticPr fontId="0"/>
  </si>
  <si>
    <t>横須賀市長井一丁目　地先</t>
    <rPh sb="0" eb="4">
      <t>ヨコスカシ</t>
    </rPh>
    <rPh sb="4" eb="6">
      <t>ナガイ</t>
    </rPh>
    <rPh sb="6" eb="9">
      <t>イッチョウメ</t>
    </rPh>
    <rPh sb="10" eb="12">
      <t>チサキ</t>
    </rPh>
    <phoneticPr fontId="0"/>
  </si>
  <si>
    <t>葉山町堀内　地内</t>
    <rPh sb="0" eb="3">
      <t>ハヤママチ</t>
    </rPh>
    <rPh sb="3" eb="5">
      <t>ホリウチ</t>
    </rPh>
    <rPh sb="6" eb="8">
      <t>チナイ</t>
    </rPh>
    <phoneticPr fontId="0"/>
  </si>
  <si>
    <t>横須賀市追浜町一丁目　地内</t>
    <rPh sb="0" eb="3">
      <t>ヨコスカ</t>
    </rPh>
    <rPh sb="3" eb="4">
      <t>シ</t>
    </rPh>
    <rPh sb="4" eb="7">
      <t>オッパマチョウ</t>
    </rPh>
    <rPh sb="7" eb="8">
      <t>イッ</t>
    </rPh>
    <rPh sb="8" eb="10">
      <t>チョウメ</t>
    </rPh>
    <rPh sb="11" eb="13">
      <t>チナイ</t>
    </rPh>
    <phoneticPr fontId="0"/>
  </si>
  <si>
    <t>横須賀市坂本町六丁目　地内　他</t>
    <rPh sb="0" eb="4">
      <t>ヨコスカシ</t>
    </rPh>
    <rPh sb="4" eb="7">
      <t>サカモトチョウ</t>
    </rPh>
    <rPh sb="7" eb="8">
      <t>ロク</t>
    </rPh>
    <rPh sb="8" eb="10">
      <t>チョウメ</t>
    </rPh>
    <rPh sb="11" eb="13">
      <t>チナイ</t>
    </rPh>
    <rPh sb="14" eb="15">
      <t>ホカ</t>
    </rPh>
    <phoneticPr fontId="0"/>
  </si>
  <si>
    <t>横須賀市田戸台　地内　他</t>
    <rPh sb="0" eb="4">
      <t>ヨコスカシ</t>
    </rPh>
    <rPh sb="4" eb="7">
      <t>タドダイ</t>
    </rPh>
    <rPh sb="8" eb="9">
      <t>チ</t>
    </rPh>
    <rPh sb="9" eb="10">
      <t>ナイ</t>
    </rPh>
    <rPh sb="11" eb="12">
      <t>ホカ</t>
    </rPh>
    <phoneticPr fontId="0"/>
  </si>
  <si>
    <t>三浦市南下浦町松輪　地内</t>
    <rPh sb="0" eb="3">
      <t>ミウラシ</t>
    </rPh>
    <rPh sb="3" eb="5">
      <t>ミナミシタ</t>
    </rPh>
    <rPh sb="5" eb="7">
      <t>ウラチョウ</t>
    </rPh>
    <rPh sb="7" eb="9">
      <t>マツワ</t>
    </rPh>
    <rPh sb="10" eb="12">
      <t>チナイ</t>
    </rPh>
    <phoneticPr fontId="0"/>
  </si>
  <si>
    <t>横須賀市久比里一丁目　地内</t>
    <rPh sb="0" eb="4">
      <t>ヨコスカシ</t>
    </rPh>
    <rPh sb="4" eb="7">
      <t>クビリ</t>
    </rPh>
    <rPh sb="7" eb="8">
      <t>イチ</t>
    </rPh>
    <rPh sb="8" eb="10">
      <t>チョウメ</t>
    </rPh>
    <rPh sb="11" eb="13">
      <t>ジナイ</t>
    </rPh>
    <phoneticPr fontId="0"/>
  </si>
  <si>
    <t>横須賀市緑ヶ丘　地内　他</t>
    <rPh sb="0" eb="4">
      <t>ヨコスカシ</t>
    </rPh>
    <rPh sb="4" eb="5">
      <t>ミドリ</t>
    </rPh>
    <rPh sb="6" eb="7">
      <t>オカ</t>
    </rPh>
    <rPh sb="8" eb="9">
      <t>チ</t>
    </rPh>
    <rPh sb="9" eb="10">
      <t>ナイ</t>
    </rPh>
    <rPh sb="11" eb="12">
      <t>ホカ</t>
    </rPh>
    <phoneticPr fontId="0"/>
  </si>
  <si>
    <t>横須賀市鴨居一丁目　地内　他</t>
    <rPh sb="0" eb="3">
      <t>ヨコスカ</t>
    </rPh>
    <rPh sb="3" eb="4">
      <t>シ</t>
    </rPh>
    <rPh sb="4" eb="6">
      <t>カモイ</t>
    </rPh>
    <rPh sb="6" eb="9">
      <t>イッチョウメ</t>
    </rPh>
    <rPh sb="10" eb="12">
      <t>チナイ</t>
    </rPh>
    <rPh sb="13" eb="14">
      <t>ホカ</t>
    </rPh>
    <phoneticPr fontId="0"/>
  </si>
  <si>
    <t>三浦市初声町下宮田　地内　他</t>
    <rPh sb="0" eb="2">
      <t>ミウラ</t>
    </rPh>
    <rPh sb="2" eb="3">
      <t>シ</t>
    </rPh>
    <rPh sb="3" eb="4">
      <t>ハツ</t>
    </rPh>
    <rPh sb="4" eb="5">
      <t>コエ</t>
    </rPh>
    <rPh sb="5" eb="6">
      <t>マチ</t>
    </rPh>
    <rPh sb="6" eb="7">
      <t>シタ</t>
    </rPh>
    <rPh sb="7" eb="9">
      <t>ミヤタ</t>
    </rPh>
    <rPh sb="10" eb="12">
      <t>チナイ</t>
    </rPh>
    <rPh sb="13" eb="14">
      <t>ホカ</t>
    </rPh>
    <phoneticPr fontId="18"/>
  </si>
  <si>
    <t>横須賀市野比二丁目　地内　他</t>
    <rPh sb="0" eb="3">
      <t>ヨコスカ</t>
    </rPh>
    <rPh sb="3" eb="4">
      <t>シ</t>
    </rPh>
    <rPh sb="4" eb="6">
      <t>ノビ</t>
    </rPh>
    <rPh sb="6" eb="7">
      <t>ニ</t>
    </rPh>
    <rPh sb="7" eb="9">
      <t>チョウメ</t>
    </rPh>
    <rPh sb="10" eb="12">
      <t>チナイ</t>
    </rPh>
    <rPh sb="13" eb="14">
      <t>ホカ</t>
    </rPh>
    <phoneticPr fontId="18"/>
  </si>
  <si>
    <t>横須賀市小矢部一丁目　地内</t>
    <rPh sb="0" eb="4">
      <t>ヨコスカシ</t>
    </rPh>
    <rPh sb="4" eb="7">
      <t>コヤベ</t>
    </rPh>
    <rPh sb="7" eb="8">
      <t>イチ</t>
    </rPh>
    <rPh sb="8" eb="10">
      <t>チョウメ</t>
    </rPh>
    <rPh sb="11" eb="12">
      <t>チ</t>
    </rPh>
    <rPh sb="12" eb="13">
      <t>ナイ</t>
    </rPh>
    <phoneticPr fontId="18"/>
  </si>
  <si>
    <t>横須賀市富士見町三丁目　地内</t>
    <rPh sb="0" eb="4">
      <t>ヨコスカシ</t>
    </rPh>
    <rPh sb="4" eb="7">
      <t>フジミ</t>
    </rPh>
    <rPh sb="7" eb="8">
      <t>チョウ</t>
    </rPh>
    <rPh sb="8" eb="9">
      <t>サン</t>
    </rPh>
    <rPh sb="9" eb="11">
      <t>チョウメ</t>
    </rPh>
    <rPh sb="12" eb="13">
      <t>チ</t>
    </rPh>
    <rPh sb="13" eb="14">
      <t>ナイ</t>
    </rPh>
    <phoneticPr fontId="18"/>
  </si>
  <si>
    <t>横須賀市田浦町一丁目　地内</t>
    <rPh sb="0" eb="4">
      <t>ヨコスカシ</t>
    </rPh>
    <rPh sb="4" eb="6">
      <t>タウラ</t>
    </rPh>
    <rPh sb="6" eb="7">
      <t>マチ</t>
    </rPh>
    <rPh sb="7" eb="10">
      <t>イッチョウメ</t>
    </rPh>
    <rPh sb="11" eb="12">
      <t>チ</t>
    </rPh>
    <rPh sb="12" eb="13">
      <t>ナイ</t>
    </rPh>
    <phoneticPr fontId="19"/>
  </si>
  <si>
    <t>三浦市南下浦町上宮田　地内　他</t>
    <rPh sb="0" eb="2">
      <t>ミウラ</t>
    </rPh>
    <rPh sb="2" eb="3">
      <t>シ</t>
    </rPh>
    <rPh sb="3" eb="5">
      <t>ミナミシタ</t>
    </rPh>
    <rPh sb="5" eb="6">
      <t>ウラ</t>
    </rPh>
    <rPh sb="6" eb="7">
      <t>マチ</t>
    </rPh>
    <rPh sb="7" eb="10">
      <t>カミミヤタ</t>
    </rPh>
    <rPh sb="11" eb="13">
      <t>チナイ</t>
    </rPh>
    <rPh sb="14" eb="15">
      <t>ホカ</t>
    </rPh>
    <phoneticPr fontId="19"/>
  </si>
  <si>
    <t>葉山町長柄　地内</t>
    <rPh sb="0" eb="3">
      <t>ハヤママチ</t>
    </rPh>
    <rPh sb="3" eb="5">
      <t>ナガエ</t>
    </rPh>
    <rPh sb="6" eb="7">
      <t>チ</t>
    </rPh>
    <rPh sb="7" eb="8">
      <t>ナイ</t>
    </rPh>
    <phoneticPr fontId="19"/>
  </si>
  <si>
    <t>横須賀市追浜町二丁目　地内</t>
    <rPh sb="0" eb="4">
      <t>ヨコスカシ</t>
    </rPh>
    <rPh sb="4" eb="6">
      <t>オッパマ</t>
    </rPh>
    <rPh sb="6" eb="7">
      <t>チョウ</t>
    </rPh>
    <rPh sb="7" eb="10">
      <t>ニチョウメ</t>
    </rPh>
    <rPh sb="11" eb="12">
      <t>チ</t>
    </rPh>
    <rPh sb="12" eb="13">
      <t>ナイ</t>
    </rPh>
    <phoneticPr fontId="19"/>
  </si>
  <si>
    <t>横須賀市坂本町四丁目　地内</t>
    <rPh sb="0" eb="4">
      <t>ヨコスカシ</t>
    </rPh>
    <rPh sb="4" eb="7">
      <t>サカモトチョウ</t>
    </rPh>
    <rPh sb="7" eb="10">
      <t>ヨンチョウメ</t>
    </rPh>
    <rPh sb="11" eb="12">
      <t>チ</t>
    </rPh>
    <rPh sb="12" eb="13">
      <t>ナイ</t>
    </rPh>
    <phoneticPr fontId="19"/>
  </si>
  <si>
    <t>横須賀市汐入町一丁目　地内</t>
    <rPh sb="0" eb="3">
      <t>ヨコスカ</t>
    </rPh>
    <rPh sb="3" eb="4">
      <t>シ</t>
    </rPh>
    <rPh sb="4" eb="7">
      <t>シオイリチョウ</t>
    </rPh>
    <rPh sb="7" eb="10">
      <t>イッチョウメ</t>
    </rPh>
    <rPh sb="11" eb="13">
      <t>チナイ</t>
    </rPh>
    <phoneticPr fontId="19"/>
  </si>
  <si>
    <t>横須賀市富士見町一丁目　地内　他</t>
    <rPh sb="0" eb="3">
      <t>ヨコスカ</t>
    </rPh>
    <rPh sb="3" eb="4">
      <t>シ</t>
    </rPh>
    <rPh sb="4" eb="7">
      <t>フジミ</t>
    </rPh>
    <rPh sb="7" eb="8">
      <t>チョウ</t>
    </rPh>
    <rPh sb="8" eb="11">
      <t>イッチョウメ</t>
    </rPh>
    <rPh sb="12" eb="14">
      <t>チナイ</t>
    </rPh>
    <rPh sb="15" eb="16">
      <t>ホカ</t>
    </rPh>
    <phoneticPr fontId="19"/>
  </si>
  <si>
    <t>横須賀市東逸見町一丁目　地内</t>
    <rPh sb="0" eb="3">
      <t>ヨコスカ</t>
    </rPh>
    <rPh sb="3" eb="4">
      <t>シ</t>
    </rPh>
    <rPh sb="4" eb="5">
      <t>ヒガシ</t>
    </rPh>
    <rPh sb="5" eb="7">
      <t>ヘミ</t>
    </rPh>
    <rPh sb="7" eb="8">
      <t>チョウ</t>
    </rPh>
    <rPh sb="8" eb="11">
      <t>イッチョウメ</t>
    </rPh>
    <rPh sb="12" eb="14">
      <t>チナイ</t>
    </rPh>
    <phoneticPr fontId="19"/>
  </si>
  <si>
    <t>逗子市山の根三丁目　地内</t>
    <rPh sb="0" eb="3">
      <t>ズシシ</t>
    </rPh>
    <rPh sb="3" eb="4">
      <t>ヤマ</t>
    </rPh>
    <rPh sb="5" eb="6">
      <t>ネ</t>
    </rPh>
    <rPh sb="6" eb="9">
      <t>サンチョウメ</t>
    </rPh>
    <rPh sb="10" eb="12">
      <t>チナイ</t>
    </rPh>
    <phoneticPr fontId="19"/>
  </si>
  <si>
    <t>横須賀市追浜町一丁目　地内</t>
    <rPh sb="0" eb="3">
      <t>ヨコスカ</t>
    </rPh>
    <rPh sb="3" eb="4">
      <t>シ</t>
    </rPh>
    <rPh sb="4" eb="6">
      <t>オッパマ</t>
    </rPh>
    <rPh sb="6" eb="7">
      <t>チョウ</t>
    </rPh>
    <rPh sb="7" eb="8">
      <t>イッ</t>
    </rPh>
    <rPh sb="8" eb="10">
      <t>チョウメ</t>
    </rPh>
    <rPh sb="11" eb="12">
      <t>チ</t>
    </rPh>
    <rPh sb="12" eb="13">
      <t>ナイ</t>
    </rPh>
    <phoneticPr fontId="19"/>
  </si>
  <si>
    <t>横須賀市大滝町二丁目　地内</t>
    <rPh sb="0" eb="3">
      <t>ヨコスカ</t>
    </rPh>
    <rPh sb="3" eb="4">
      <t>シ</t>
    </rPh>
    <rPh sb="4" eb="6">
      <t>オオタキ</t>
    </rPh>
    <rPh sb="6" eb="7">
      <t>チョウ</t>
    </rPh>
    <rPh sb="7" eb="10">
      <t>ニチョウメ</t>
    </rPh>
    <rPh sb="11" eb="13">
      <t>チナイ</t>
    </rPh>
    <phoneticPr fontId="19"/>
  </si>
  <si>
    <t>葉山町長柄　地内</t>
    <rPh sb="0" eb="3">
      <t>ハヤママチ</t>
    </rPh>
    <rPh sb="3" eb="5">
      <t>ナガエ</t>
    </rPh>
    <rPh sb="6" eb="7">
      <t>チ</t>
    </rPh>
    <rPh sb="7" eb="8">
      <t>ナイ</t>
    </rPh>
    <phoneticPr fontId="0"/>
  </si>
  <si>
    <t>葉山町堀内　地内</t>
    <rPh sb="0" eb="3">
      <t>ハヤママチ</t>
    </rPh>
    <rPh sb="3" eb="5">
      <t>ホリウチ</t>
    </rPh>
    <rPh sb="6" eb="7">
      <t>チ</t>
    </rPh>
    <rPh sb="7" eb="8">
      <t>ナイ</t>
    </rPh>
    <phoneticPr fontId="0"/>
  </si>
  <si>
    <t>横須賀市衣笠町　地内　他　（衣笠隧道　他）</t>
    <rPh sb="0" eb="4">
      <t>ヨコスカシ</t>
    </rPh>
    <rPh sb="4" eb="6">
      <t>キヌガサ</t>
    </rPh>
    <rPh sb="6" eb="7">
      <t>マチ</t>
    </rPh>
    <rPh sb="8" eb="10">
      <t>チナイ</t>
    </rPh>
    <rPh sb="11" eb="12">
      <t>ホカ</t>
    </rPh>
    <rPh sb="14" eb="16">
      <t>キヌガサ</t>
    </rPh>
    <rPh sb="16" eb="18">
      <t>ズイドウ</t>
    </rPh>
    <rPh sb="19" eb="20">
      <t>ホカ</t>
    </rPh>
    <phoneticPr fontId="0"/>
  </si>
  <si>
    <t>三浦市三崎町六合　地内
（宮川小橋）</t>
  </si>
  <si>
    <t>横須賀市吉倉町二丁目　地内</t>
    <rPh sb="0" eb="3">
      <t>ヨコスカ</t>
    </rPh>
    <rPh sb="3" eb="4">
      <t>シ</t>
    </rPh>
    <rPh sb="4" eb="6">
      <t>ヨシクラ</t>
    </rPh>
    <rPh sb="6" eb="7">
      <t>マチ</t>
    </rPh>
    <rPh sb="7" eb="8">
      <t>ニ</t>
    </rPh>
    <rPh sb="8" eb="10">
      <t>チョウメ</t>
    </rPh>
    <rPh sb="11" eb="13">
      <t>チナイ</t>
    </rPh>
    <phoneticPr fontId="0"/>
  </si>
  <si>
    <t>横須賀市根岸町三丁目　地内　他</t>
    <rPh sb="0" eb="3">
      <t>ヨコスカ</t>
    </rPh>
    <rPh sb="3" eb="4">
      <t>シ</t>
    </rPh>
    <rPh sb="4" eb="6">
      <t>ネギシ</t>
    </rPh>
    <rPh sb="6" eb="7">
      <t>マチ</t>
    </rPh>
    <rPh sb="7" eb="8">
      <t>サン</t>
    </rPh>
    <rPh sb="8" eb="10">
      <t>チョウメ</t>
    </rPh>
    <rPh sb="11" eb="13">
      <t>チナイ</t>
    </rPh>
    <rPh sb="14" eb="15">
      <t>ホカ</t>
    </rPh>
    <phoneticPr fontId="0"/>
  </si>
  <si>
    <t>横須賀市山中町　地内　他</t>
    <rPh sb="0" eb="4">
      <t>ヨコスカシ</t>
    </rPh>
    <rPh sb="4" eb="7">
      <t>ヤマナカチョウ</t>
    </rPh>
    <rPh sb="8" eb="9">
      <t>チ</t>
    </rPh>
    <rPh sb="9" eb="10">
      <t>ナイ</t>
    </rPh>
    <rPh sb="11" eb="12">
      <t>ホカ</t>
    </rPh>
    <phoneticPr fontId="21"/>
  </si>
  <si>
    <t>横須賀市鴨居三丁目　地内</t>
    <rPh sb="0" eb="3">
      <t>ヨコスカ</t>
    </rPh>
    <rPh sb="3" eb="4">
      <t>シ</t>
    </rPh>
    <rPh sb="4" eb="6">
      <t>カモイ</t>
    </rPh>
    <rPh sb="6" eb="9">
      <t>サンチョウメ</t>
    </rPh>
    <rPh sb="10" eb="11">
      <t>チ</t>
    </rPh>
    <rPh sb="11" eb="12">
      <t>ナイ</t>
    </rPh>
    <phoneticPr fontId="0"/>
  </si>
  <si>
    <t>三浦市三崎町城ヶ島　地内</t>
    <rPh sb="0" eb="2">
      <t>ミウラ</t>
    </rPh>
    <rPh sb="2" eb="3">
      <t>シ</t>
    </rPh>
    <rPh sb="3" eb="6">
      <t>ミサキチョウ</t>
    </rPh>
    <rPh sb="6" eb="9">
      <t>ジョウガシマ</t>
    </rPh>
    <rPh sb="10" eb="11">
      <t>チ</t>
    </rPh>
    <rPh sb="11" eb="12">
      <t>ナイ</t>
    </rPh>
    <phoneticPr fontId="0"/>
  </si>
  <si>
    <t>横須賀市長沢六丁目　地内　他</t>
  </si>
  <si>
    <t>横須賀市公郷町一丁目　地内　他</t>
  </si>
  <si>
    <t>葉山町下山口　地先</t>
    <rPh sb="0" eb="3">
      <t>ハヤママチ</t>
    </rPh>
    <rPh sb="3" eb="6">
      <t>シモヤマグチ</t>
    </rPh>
    <rPh sb="7" eb="9">
      <t>チサキ</t>
    </rPh>
    <phoneticPr fontId="0"/>
  </si>
  <si>
    <t>逗子市桜山八丁目　地先</t>
    <rPh sb="0" eb="3">
      <t>ズシシ</t>
    </rPh>
    <rPh sb="3" eb="8">
      <t>サクラヤマハッチョウメ</t>
    </rPh>
    <rPh sb="9" eb="11">
      <t>チサキ</t>
    </rPh>
    <phoneticPr fontId="0"/>
  </si>
  <si>
    <t>横須賀市浦郷町一丁目　地内</t>
    <rPh sb="0" eb="4">
      <t>ヨコスカシ</t>
    </rPh>
    <rPh sb="4" eb="7">
      <t>ウラゴウチョウ</t>
    </rPh>
    <rPh sb="7" eb="10">
      <t>イッチョウメ</t>
    </rPh>
    <rPh sb="11" eb="13">
      <t>チナイ</t>
    </rPh>
    <phoneticPr fontId="0"/>
  </si>
  <si>
    <t>横須賀市佐野町三丁目　地内</t>
    <rPh sb="0" eb="4">
      <t>ヨコスカシ</t>
    </rPh>
    <rPh sb="4" eb="6">
      <t>サノ</t>
    </rPh>
    <rPh sb="6" eb="7">
      <t>チョウ</t>
    </rPh>
    <rPh sb="7" eb="10">
      <t>サンチョウメ</t>
    </rPh>
    <rPh sb="11" eb="12">
      <t>チ</t>
    </rPh>
    <rPh sb="12" eb="13">
      <t>ナイ</t>
    </rPh>
    <phoneticPr fontId="0"/>
  </si>
  <si>
    <t>葉山町一色　地内</t>
    <rPh sb="0" eb="3">
      <t>ハヤママチ</t>
    </rPh>
    <rPh sb="3" eb="5">
      <t>イッシキ</t>
    </rPh>
    <rPh sb="6" eb="7">
      <t>チ</t>
    </rPh>
    <rPh sb="7" eb="8">
      <t>ナイ</t>
    </rPh>
    <phoneticPr fontId="0"/>
  </si>
  <si>
    <t>逗子市小坪三丁目　地内</t>
    <rPh sb="0" eb="3">
      <t>ズシシ</t>
    </rPh>
    <rPh sb="3" eb="5">
      <t>コツボ</t>
    </rPh>
    <rPh sb="5" eb="8">
      <t>サンチョウメ</t>
    </rPh>
    <rPh sb="9" eb="11">
      <t>ジナイ</t>
    </rPh>
    <phoneticPr fontId="0"/>
  </si>
  <si>
    <t>横須賀市汐入町五丁目　地内</t>
    <rPh sb="0" eb="3">
      <t>ヨコスカ</t>
    </rPh>
    <rPh sb="3" eb="4">
      <t>シ</t>
    </rPh>
    <rPh sb="4" eb="7">
      <t>シオイリチョウ</t>
    </rPh>
    <rPh sb="7" eb="10">
      <t>５チョウメ</t>
    </rPh>
    <rPh sb="11" eb="13">
      <t>チナイ</t>
    </rPh>
    <phoneticPr fontId="0"/>
  </si>
  <si>
    <t>横須賀市西浦賀町二丁目　地内</t>
    <rPh sb="0" eb="3">
      <t>ヨコスカ</t>
    </rPh>
    <rPh sb="3" eb="4">
      <t>シ</t>
    </rPh>
    <rPh sb="4" eb="7">
      <t>ニシウラガ</t>
    </rPh>
    <rPh sb="7" eb="8">
      <t>チョウ</t>
    </rPh>
    <rPh sb="8" eb="9">
      <t>フタ</t>
    </rPh>
    <rPh sb="9" eb="11">
      <t>チョウメ</t>
    </rPh>
    <rPh sb="12" eb="14">
      <t>ジナイ</t>
    </rPh>
    <phoneticPr fontId="0"/>
  </si>
  <si>
    <t>横須賀市岩戸三丁目　地内</t>
    <rPh sb="0" eb="3">
      <t>ヨコスカ</t>
    </rPh>
    <rPh sb="3" eb="4">
      <t>シ</t>
    </rPh>
    <rPh sb="4" eb="6">
      <t>イワト</t>
    </rPh>
    <rPh sb="6" eb="9">
      <t>サンチョウメ</t>
    </rPh>
    <rPh sb="10" eb="12">
      <t>チナイ</t>
    </rPh>
    <phoneticPr fontId="0"/>
  </si>
  <si>
    <t>横須賀市野比三丁目　地内</t>
    <rPh sb="0" eb="3">
      <t>ヨコスカ</t>
    </rPh>
    <rPh sb="3" eb="4">
      <t>シ</t>
    </rPh>
    <rPh sb="4" eb="6">
      <t>ノビ</t>
    </rPh>
    <rPh sb="6" eb="9">
      <t>サンチョウメ</t>
    </rPh>
    <rPh sb="10" eb="12">
      <t>チナイ</t>
    </rPh>
    <phoneticPr fontId="0"/>
  </si>
  <si>
    <t>横須賀市鴨居一丁目　地内　他</t>
    <rPh sb="0" eb="3">
      <t>ヨコスカ</t>
    </rPh>
    <rPh sb="3" eb="4">
      <t>シ</t>
    </rPh>
    <rPh sb="4" eb="6">
      <t>カモイ</t>
    </rPh>
    <rPh sb="6" eb="9">
      <t>イッチョウメ</t>
    </rPh>
    <rPh sb="10" eb="12">
      <t>チナイ</t>
    </rPh>
    <rPh sb="13" eb="14">
      <t>ホカ</t>
    </rPh>
    <phoneticPr fontId="0"/>
  </si>
  <si>
    <t>横須賀市長瀬二丁目　地内</t>
    <rPh sb="0" eb="3">
      <t>ヨコスカ</t>
    </rPh>
    <rPh sb="3" eb="4">
      <t>シ</t>
    </rPh>
    <rPh sb="4" eb="6">
      <t>ナガセ</t>
    </rPh>
    <rPh sb="6" eb="9">
      <t>ニチョウメ</t>
    </rPh>
    <rPh sb="10" eb="12">
      <t>チナイ</t>
    </rPh>
    <phoneticPr fontId="0"/>
  </si>
  <si>
    <t>三浦市初声町和田　地内　他</t>
    <rPh sb="0" eb="3">
      <t>ミウラシ</t>
    </rPh>
    <rPh sb="3" eb="5">
      <t>ハッセ</t>
    </rPh>
    <rPh sb="5" eb="6">
      <t>チョウ</t>
    </rPh>
    <rPh sb="6" eb="8">
      <t>ワダ</t>
    </rPh>
    <rPh sb="9" eb="11">
      <t>チナイ</t>
    </rPh>
    <rPh sb="12" eb="13">
      <t>ホカ</t>
    </rPh>
    <phoneticPr fontId="0"/>
  </si>
  <si>
    <t>横須賀市小矢部二丁目　地内　他</t>
    <rPh sb="0" eb="3">
      <t>ヨコスカ</t>
    </rPh>
    <rPh sb="3" eb="4">
      <t>シ</t>
    </rPh>
    <rPh sb="4" eb="7">
      <t>コヤベ</t>
    </rPh>
    <rPh sb="7" eb="10">
      <t>ニチョウメ</t>
    </rPh>
    <rPh sb="11" eb="13">
      <t>チナイ</t>
    </rPh>
    <rPh sb="14" eb="15">
      <t>ホカ</t>
    </rPh>
    <phoneticPr fontId="0"/>
  </si>
  <si>
    <t>三浦市初声町和田　地内</t>
    <rPh sb="0" eb="3">
      <t>ミウラシ</t>
    </rPh>
    <rPh sb="3" eb="5">
      <t>ハッセ</t>
    </rPh>
    <rPh sb="5" eb="6">
      <t>チョウ</t>
    </rPh>
    <rPh sb="6" eb="8">
      <t>ワダ</t>
    </rPh>
    <rPh sb="9" eb="11">
      <t>チナイ</t>
    </rPh>
    <phoneticPr fontId="0"/>
  </si>
  <si>
    <t>横須賀市佐原五丁目　地内</t>
    <rPh sb="0" eb="3">
      <t>ヨコスカ</t>
    </rPh>
    <rPh sb="3" eb="4">
      <t>シ</t>
    </rPh>
    <rPh sb="4" eb="6">
      <t>サハラ</t>
    </rPh>
    <rPh sb="6" eb="9">
      <t>ゴチョウメ</t>
    </rPh>
    <rPh sb="10" eb="12">
      <t>チナイ</t>
    </rPh>
    <phoneticPr fontId="0"/>
  </si>
  <si>
    <t>横須賀市西浦賀町五丁目　地内</t>
    <rPh sb="0" eb="3">
      <t>ヨコスカ</t>
    </rPh>
    <rPh sb="3" eb="4">
      <t>シ</t>
    </rPh>
    <rPh sb="4" eb="7">
      <t>ニシウラガ</t>
    </rPh>
    <rPh sb="7" eb="8">
      <t>マチ</t>
    </rPh>
    <rPh sb="8" eb="9">
      <t>ゴ</t>
    </rPh>
    <rPh sb="9" eb="11">
      <t>チョウメ</t>
    </rPh>
    <rPh sb="12" eb="14">
      <t>チナイ</t>
    </rPh>
    <phoneticPr fontId="0"/>
  </si>
  <si>
    <t>横須賀市岩戸一丁目　地内</t>
    <rPh sb="0" eb="3">
      <t>ヨコスカ</t>
    </rPh>
    <rPh sb="3" eb="4">
      <t>シ</t>
    </rPh>
    <rPh sb="4" eb="6">
      <t>イワト</t>
    </rPh>
    <rPh sb="6" eb="9">
      <t>イッチョウメ</t>
    </rPh>
    <rPh sb="10" eb="12">
      <t>チナイ</t>
    </rPh>
    <phoneticPr fontId="0"/>
  </si>
  <si>
    <t>横須賀市鴨居三丁目　地内　他</t>
    <rPh sb="0" eb="3">
      <t>ヨコスカ</t>
    </rPh>
    <rPh sb="3" eb="4">
      <t>シ</t>
    </rPh>
    <rPh sb="4" eb="6">
      <t>カモイ</t>
    </rPh>
    <rPh sb="6" eb="9">
      <t>サンチョウメ</t>
    </rPh>
    <rPh sb="10" eb="12">
      <t>チナイ</t>
    </rPh>
    <rPh sb="13" eb="14">
      <t>ホカ</t>
    </rPh>
    <phoneticPr fontId="0"/>
  </si>
  <si>
    <t>横須賀市浦賀六丁目　地内</t>
    <rPh sb="2" eb="3">
      <t>カ</t>
    </rPh>
    <rPh sb="4" eb="6">
      <t>ウラガ</t>
    </rPh>
    <rPh sb="6" eb="7">
      <t>ロク</t>
    </rPh>
    <rPh sb="7" eb="9">
      <t>チョウメ</t>
    </rPh>
    <rPh sb="10" eb="11">
      <t>チ</t>
    </rPh>
    <rPh sb="11" eb="12">
      <t>ナイ</t>
    </rPh>
    <phoneticPr fontId="0"/>
  </si>
  <si>
    <t>大磯町月京地先</t>
    <rPh sb="0" eb="3">
      <t>オオイソマチ</t>
    </rPh>
    <rPh sb="3" eb="4">
      <t>ゲツ</t>
    </rPh>
    <rPh sb="4" eb="5">
      <t>キョウ</t>
    </rPh>
    <rPh sb="5" eb="7">
      <t>チサキ</t>
    </rPh>
    <phoneticPr fontId="5"/>
  </si>
  <si>
    <t>二宮町山西地先</t>
    <rPh sb="0" eb="3">
      <t>ニノミヤマチ</t>
    </rPh>
    <rPh sb="3" eb="5">
      <t>ヤマニシ</t>
    </rPh>
    <rPh sb="5" eb="7">
      <t>チサキ</t>
    </rPh>
    <phoneticPr fontId="5"/>
  </si>
  <si>
    <t>伊勢原市西富岡　地内</t>
    <rPh sb="4" eb="5">
      <t>ニシ</t>
    </rPh>
    <rPh sb="5" eb="7">
      <t>トミオカ</t>
    </rPh>
    <phoneticPr fontId="5"/>
  </si>
  <si>
    <t>伊勢原市子易地内</t>
    <rPh sb="4" eb="6">
      <t>コヤス</t>
    </rPh>
    <phoneticPr fontId="5"/>
  </si>
  <si>
    <t>平塚市北金目地内</t>
    <rPh sb="0" eb="2">
      <t>ヒラツカ</t>
    </rPh>
    <rPh sb="2" eb="3">
      <t>シ</t>
    </rPh>
    <rPh sb="3" eb="4">
      <t>キタ</t>
    </rPh>
    <rPh sb="4" eb="6">
      <t>カナメ</t>
    </rPh>
    <rPh sb="6" eb="8">
      <t>チナイ</t>
    </rPh>
    <phoneticPr fontId="5"/>
  </si>
  <si>
    <t>平塚市万田　地内</t>
    <rPh sb="0" eb="3">
      <t>ヒラツカシ</t>
    </rPh>
    <rPh sb="3" eb="5">
      <t>マンダ</t>
    </rPh>
    <rPh sb="6" eb="8">
      <t>チナイ</t>
    </rPh>
    <phoneticPr fontId="5"/>
  </si>
  <si>
    <t>伊勢原市上粕屋地内</t>
    <rPh sb="0" eb="4">
      <t>イセハラシ</t>
    </rPh>
    <rPh sb="4" eb="7">
      <t>カミカスヤ</t>
    </rPh>
    <rPh sb="7" eb="8">
      <t>チ</t>
    </rPh>
    <rPh sb="8" eb="9">
      <t>ナイ</t>
    </rPh>
    <phoneticPr fontId="5"/>
  </si>
  <si>
    <t>平塚市高浜台地内</t>
    <rPh sb="0" eb="2">
      <t>ヒラツカ</t>
    </rPh>
    <rPh sb="2" eb="3">
      <t>シ</t>
    </rPh>
    <rPh sb="3" eb="5">
      <t>タカハマ</t>
    </rPh>
    <rPh sb="5" eb="6">
      <t>ダイ</t>
    </rPh>
    <rPh sb="6" eb="7">
      <t>チ</t>
    </rPh>
    <rPh sb="7" eb="8">
      <t>ナイ</t>
    </rPh>
    <phoneticPr fontId="5"/>
  </si>
  <si>
    <t>二宮町中里二丁目地内他</t>
    <rPh sb="0" eb="3">
      <t>ニノミヤマチ</t>
    </rPh>
    <rPh sb="3" eb="5">
      <t>ナカザト</t>
    </rPh>
    <rPh sb="5" eb="8">
      <t>ニチョウメ</t>
    </rPh>
    <rPh sb="8" eb="9">
      <t>チ</t>
    </rPh>
    <rPh sb="9" eb="10">
      <t>ナイ</t>
    </rPh>
    <rPh sb="10" eb="11">
      <t>ホカ</t>
    </rPh>
    <phoneticPr fontId="5"/>
  </si>
  <si>
    <t>秦野市名古木地内</t>
    <rPh sb="0" eb="3">
      <t>ハダノシ</t>
    </rPh>
    <rPh sb="3" eb="8">
      <t>ナガヌキチナイ</t>
    </rPh>
    <phoneticPr fontId="5"/>
  </si>
  <si>
    <t>二宮町中里二丁目地内</t>
    <rPh sb="0" eb="3">
      <t>ニノミヤマチ</t>
    </rPh>
    <rPh sb="3" eb="5">
      <t>ナカザト</t>
    </rPh>
    <rPh sb="5" eb="8">
      <t>ニチョウメ</t>
    </rPh>
    <rPh sb="8" eb="9">
      <t>チ</t>
    </rPh>
    <rPh sb="9" eb="10">
      <t>ナイ</t>
    </rPh>
    <phoneticPr fontId="5"/>
  </si>
  <si>
    <t>平塚市松風町地内他</t>
    <rPh sb="0" eb="3">
      <t>ヒラツカシ</t>
    </rPh>
    <rPh sb="3" eb="6">
      <t>マツカゼチョウ</t>
    </rPh>
    <rPh sb="6" eb="8">
      <t>ジナイ</t>
    </rPh>
    <rPh sb="7" eb="8">
      <t>ナイ</t>
    </rPh>
    <rPh sb="8" eb="9">
      <t>ホカ</t>
    </rPh>
    <phoneticPr fontId="5"/>
  </si>
  <si>
    <t>伊勢原市上粕屋地内</t>
    <rPh sb="0" eb="4">
      <t>イセハラシ</t>
    </rPh>
    <rPh sb="4" eb="7">
      <t>カミカスヤ</t>
    </rPh>
    <rPh sb="7" eb="9">
      <t>ジナイ</t>
    </rPh>
    <rPh sb="8" eb="9">
      <t>ナイ</t>
    </rPh>
    <phoneticPr fontId="5"/>
  </si>
  <si>
    <t>平塚市片岡地先</t>
  </si>
  <si>
    <t>平塚市御殿四丁目地先他</t>
    <rPh sb="0" eb="2">
      <t>ヒラツカ</t>
    </rPh>
    <rPh sb="2" eb="3">
      <t>シ</t>
    </rPh>
    <rPh sb="3" eb="5">
      <t>ゴテン</t>
    </rPh>
    <rPh sb="5" eb="6">
      <t>ヨン</t>
    </rPh>
    <rPh sb="6" eb="8">
      <t>チョウメ</t>
    </rPh>
    <rPh sb="8" eb="10">
      <t>チサキ</t>
    </rPh>
    <rPh sb="10" eb="11">
      <t>ホカ</t>
    </rPh>
    <phoneticPr fontId="5"/>
  </si>
  <si>
    <t>平塚市虹ケ浜地先</t>
    <rPh sb="0" eb="3">
      <t>ヒラツカシ</t>
    </rPh>
    <rPh sb="3" eb="6">
      <t>ニジガハマ</t>
    </rPh>
    <rPh sb="6" eb="8">
      <t>チサキ</t>
    </rPh>
    <phoneticPr fontId="5"/>
  </si>
  <si>
    <t>伊勢原市下糟屋地内</t>
  </si>
  <si>
    <t>秦野市上大槻地内他</t>
    <rPh sb="0" eb="3">
      <t>ハダノシ</t>
    </rPh>
    <rPh sb="3" eb="6">
      <t>カミオオヅキ</t>
    </rPh>
    <rPh sb="6" eb="7">
      <t>チ</t>
    </rPh>
    <rPh sb="7" eb="8">
      <t>ナイ</t>
    </rPh>
    <rPh sb="8" eb="9">
      <t>ホカ</t>
    </rPh>
    <phoneticPr fontId="9"/>
  </si>
  <si>
    <t>秦野市堀山下・戸川地内</t>
    <rPh sb="0" eb="2">
      <t>ハダノ</t>
    </rPh>
    <rPh sb="2" eb="3">
      <t>シ</t>
    </rPh>
    <rPh sb="3" eb="6">
      <t>ホリヤマシタ</t>
    </rPh>
    <rPh sb="7" eb="9">
      <t>トガワ</t>
    </rPh>
    <rPh sb="9" eb="10">
      <t>チ</t>
    </rPh>
    <rPh sb="10" eb="11">
      <t>ナイ</t>
    </rPh>
    <phoneticPr fontId="5"/>
  </si>
  <si>
    <t>平塚市幸町地内（港第二歩道橋）</t>
    <rPh sb="0" eb="3">
      <t>ヒラツカシ</t>
    </rPh>
    <rPh sb="3" eb="5">
      <t>サイワイチョウ</t>
    </rPh>
    <rPh sb="5" eb="7">
      <t>チナイ</t>
    </rPh>
    <rPh sb="8" eb="11">
      <t>ミナトダイニ</t>
    </rPh>
    <rPh sb="11" eb="14">
      <t>ホドウキョウ</t>
    </rPh>
    <phoneticPr fontId="5"/>
  </si>
  <si>
    <t>秦野市　落合　地先</t>
    <rPh sb="0" eb="3">
      <t>ハダノシ</t>
    </rPh>
    <rPh sb="4" eb="6">
      <t>オチアイ</t>
    </rPh>
    <rPh sb="7" eb="9">
      <t>チサキ</t>
    </rPh>
    <phoneticPr fontId="5"/>
  </si>
  <si>
    <t>平塚市東真土地内</t>
    <rPh sb="3" eb="4">
      <t>ヒガシ</t>
    </rPh>
    <rPh sb="4" eb="6">
      <t>シンド</t>
    </rPh>
    <rPh sb="6" eb="7">
      <t>チ</t>
    </rPh>
    <rPh sb="7" eb="8">
      <t>ナイ</t>
    </rPh>
    <phoneticPr fontId="5"/>
  </si>
  <si>
    <t>大磯町西小磯地内</t>
    <rPh sb="0" eb="3">
      <t>オオイソマチ</t>
    </rPh>
    <rPh sb="3" eb="4">
      <t>ニシ</t>
    </rPh>
    <rPh sb="4" eb="6">
      <t>コイソ</t>
    </rPh>
    <rPh sb="6" eb="7">
      <t>チ</t>
    </rPh>
    <rPh sb="7" eb="8">
      <t>ナイ</t>
    </rPh>
    <phoneticPr fontId="5"/>
  </si>
  <si>
    <t>伊勢原市日向地先</t>
    <rPh sb="0" eb="4">
      <t>イセハラシ</t>
    </rPh>
    <rPh sb="4" eb="6">
      <t>ヒュウガ</t>
    </rPh>
    <rPh sb="6" eb="8">
      <t>チサキ</t>
    </rPh>
    <phoneticPr fontId="5"/>
  </si>
  <si>
    <t>平塚市八重咲町～袖ヶ浜地内</t>
    <rPh sb="0" eb="2">
      <t>ヒラツカ</t>
    </rPh>
    <rPh sb="2" eb="3">
      <t>シ</t>
    </rPh>
    <rPh sb="3" eb="7">
      <t>ヤエザキチョウ</t>
    </rPh>
    <rPh sb="8" eb="11">
      <t>ソデガハマ</t>
    </rPh>
    <rPh sb="11" eb="13">
      <t>チナイ</t>
    </rPh>
    <phoneticPr fontId="5"/>
  </si>
  <si>
    <t>秦野市西大竹～平沢地内他</t>
    <rPh sb="0" eb="3">
      <t>ハダノシ</t>
    </rPh>
    <rPh sb="3" eb="4">
      <t>ニシ</t>
    </rPh>
    <rPh sb="4" eb="6">
      <t>オオタケ</t>
    </rPh>
    <rPh sb="7" eb="9">
      <t>ヒラサワ</t>
    </rPh>
    <rPh sb="9" eb="10">
      <t>チ</t>
    </rPh>
    <rPh sb="10" eb="11">
      <t>ナイ</t>
    </rPh>
    <rPh sb="11" eb="12">
      <t>ホカ</t>
    </rPh>
    <phoneticPr fontId="5"/>
  </si>
  <si>
    <t>伊勢原市岡崎～伊勢原二丁目地内他</t>
    <rPh sb="0" eb="4">
      <t>イセハラシ</t>
    </rPh>
    <rPh sb="4" eb="6">
      <t>オカザキ</t>
    </rPh>
    <rPh sb="7" eb="10">
      <t>イセハラ</t>
    </rPh>
    <rPh sb="10" eb="11">
      <t>ニ</t>
    </rPh>
    <rPh sb="11" eb="13">
      <t>チョウメ</t>
    </rPh>
    <rPh sb="13" eb="14">
      <t>チ</t>
    </rPh>
    <rPh sb="14" eb="15">
      <t>ナイ</t>
    </rPh>
    <rPh sb="15" eb="16">
      <t>ホカ</t>
    </rPh>
    <phoneticPr fontId="5"/>
  </si>
  <si>
    <t>平塚市高浜台～大神地内</t>
    <rPh sb="0" eb="3">
      <t>ヒラツカシ</t>
    </rPh>
    <rPh sb="3" eb="5">
      <t>タカハマ</t>
    </rPh>
    <rPh sb="5" eb="6">
      <t>ダイ</t>
    </rPh>
    <rPh sb="7" eb="9">
      <t>オオカミ</t>
    </rPh>
    <rPh sb="9" eb="10">
      <t>チ</t>
    </rPh>
    <rPh sb="10" eb="11">
      <t>ナイ</t>
    </rPh>
    <phoneticPr fontId="5"/>
  </si>
  <si>
    <t>平塚市虹ケ浜～城所地内他</t>
    <rPh sb="0" eb="3">
      <t>ヒラツカシ</t>
    </rPh>
    <rPh sb="3" eb="6">
      <t>ニジガハマ</t>
    </rPh>
    <rPh sb="7" eb="9">
      <t>キドコロ</t>
    </rPh>
    <rPh sb="9" eb="10">
      <t>チ</t>
    </rPh>
    <rPh sb="10" eb="11">
      <t>ナイ</t>
    </rPh>
    <rPh sb="11" eb="12">
      <t>ホカ</t>
    </rPh>
    <phoneticPr fontId="5"/>
  </si>
  <si>
    <t>平塚市大神地内</t>
    <rPh sb="0" eb="3">
      <t>ヒラツカシ</t>
    </rPh>
    <rPh sb="3" eb="5">
      <t>オオカミ</t>
    </rPh>
    <rPh sb="5" eb="6">
      <t>チ</t>
    </rPh>
    <rPh sb="6" eb="7">
      <t>ナイ</t>
    </rPh>
    <phoneticPr fontId="5"/>
  </si>
  <si>
    <t>平塚市　城所　地内</t>
  </si>
  <si>
    <t>伊勢原市三ノ宮地内</t>
    <rPh sb="0" eb="4">
      <t>イセハラシ</t>
    </rPh>
    <rPh sb="4" eb="5">
      <t>サン</t>
    </rPh>
    <rPh sb="6" eb="7">
      <t>ミヤ</t>
    </rPh>
    <phoneticPr fontId="5"/>
  </si>
  <si>
    <t>平塚市南原四丁目地先他</t>
    <rPh sb="0" eb="3">
      <t>ヒラツカシ</t>
    </rPh>
    <rPh sb="3" eb="5">
      <t>ミナミハラ</t>
    </rPh>
    <rPh sb="5" eb="6">
      <t>ヨン</t>
    </rPh>
    <rPh sb="6" eb="8">
      <t>チョウメ</t>
    </rPh>
    <rPh sb="8" eb="10">
      <t>チサキ</t>
    </rPh>
    <rPh sb="10" eb="11">
      <t>ホカ</t>
    </rPh>
    <phoneticPr fontId="5"/>
  </si>
  <si>
    <t>平塚市唐ケ原地内他</t>
    <rPh sb="0" eb="3">
      <t>ヒラツカシ</t>
    </rPh>
    <rPh sb="3" eb="6">
      <t>トウガハラ</t>
    </rPh>
    <rPh sb="6" eb="7">
      <t>チ</t>
    </rPh>
    <rPh sb="7" eb="8">
      <t>ナイ</t>
    </rPh>
    <rPh sb="8" eb="9">
      <t>ホカ</t>
    </rPh>
    <phoneticPr fontId="5"/>
  </si>
  <si>
    <t>秦野市菩提地内他</t>
    <rPh sb="0" eb="3">
      <t>ハダノシ</t>
    </rPh>
    <rPh sb="3" eb="5">
      <t>ボダイ</t>
    </rPh>
    <rPh sb="5" eb="6">
      <t>チ</t>
    </rPh>
    <rPh sb="6" eb="7">
      <t>ナイ</t>
    </rPh>
    <rPh sb="7" eb="8">
      <t>ホカ</t>
    </rPh>
    <phoneticPr fontId="5"/>
  </si>
  <si>
    <t>秦野市栄町地内</t>
    <rPh sb="0" eb="3">
      <t>ハダノシ</t>
    </rPh>
    <rPh sb="3" eb="5">
      <t>サカエチョウ</t>
    </rPh>
    <rPh sb="5" eb="6">
      <t>チ</t>
    </rPh>
    <rPh sb="6" eb="7">
      <t>ナイ</t>
    </rPh>
    <phoneticPr fontId="5"/>
  </si>
  <si>
    <t>秦野市落合地内</t>
    <rPh sb="0" eb="3">
      <t>ハダノシ</t>
    </rPh>
    <rPh sb="3" eb="5">
      <t>オチアイ</t>
    </rPh>
    <rPh sb="5" eb="7">
      <t>チナイ</t>
    </rPh>
    <phoneticPr fontId="5"/>
  </si>
  <si>
    <t>平塚市東豊田地先他</t>
    <rPh sb="0" eb="3">
      <t>ヒラツカシ</t>
    </rPh>
    <rPh sb="3" eb="6">
      <t>ヒガシトヨダ</t>
    </rPh>
    <rPh sb="6" eb="8">
      <t>チサキ</t>
    </rPh>
    <rPh sb="8" eb="9">
      <t>ホカ</t>
    </rPh>
    <phoneticPr fontId="5"/>
  </si>
  <si>
    <t>伊勢原市　下糟屋　地先</t>
  </si>
  <si>
    <t>平塚市南金目地先</t>
  </si>
  <si>
    <t>伊勢原市西富岡地内</t>
    <rPh sb="0" eb="7">
      <t>イセハラシニシトミオカ</t>
    </rPh>
    <rPh sb="7" eb="9">
      <t>チナイ</t>
    </rPh>
    <phoneticPr fontId="5"/>
  </si>
  <si>
    <t>中郡大磯町国府本郷・西小磯地内</t>
    <rPh sb="0" eb="2">
      <t>ナカグン</t>
    </rPh>
    <rPh sb="2" eb="5">
      <t>オオイソマチ</t>
    </rPh>
    <rPh sb="5" eb="7">
      <t>コクフ</t>
    </rPh>
    <rPh sb="7" eb="9">
      <t>ホンゴウ</t>
    </rPh>
    <rPh sb="10" eb="11">
      <t>ニシ</t>
    </rPh>
    <rPh sb="11" eb="13">
      <t>コイソ</t>
    </rPh>
    <rPh sb="13" eb="15">
      <t>チナイ</t>
    </rPh>
    <phoneticPr fontId="5"/>
  </si>
  <si>
    <t>二宮町二宮地内（浜端歩道橋）</t>
    <rPh sb="0" eb="3">
      <t>ニノミヤマチ</t>
    </rPh>
    <rPh sb="3" eb="5">
      <t>ニノミヤ</t>
    </rPh>
    <rPh sb="5" eb="7">
      <t>チナイ</t>
    </rPh>
    <rPh sb="8" eb="9">
      <t>ハマ</t>
    </rPh>
    <rPh sb="9" eb="10">
      <t>ハシ</t>
    </rPh>
    <rPh sb="10" eb="13">
      <t>ホドウキョウ</t>
    </rPh>
    <phoneticPr fontId="5"/>
  </si>
  <si>
    <t>平塚市　長持　地先　他</t>
    <rPh sb="0" eb="2">
      <t>ヒラツカ</t>
    </rPh>
    <rPh sb="2" eb="3">
      <t>シ</t>
    </rPh>
    <rPh sb="4" eb="6">
      <t>ナガモチ</t>
    </rPh>
    <rPh sb="7" eb="9">
      <t>チサキ</t>
    </rPh>
    <rPh sb="10" eb="11">
      <t>ホカ</t>
    </rPh>
    <phoneticPr fontId="5"/>
  </si>
  <si>
    <t>平塚市　南金目　地内　金目第二歩道橋</t>
    <rPh sb="0" eb="3">
      <t>ヒラツカシ</t>
    </rPh>
    <rPh sb="4" eb="7">
      <t>ミナミカナメ</t>
    </rPh>
    <rPh sb="8" eb="10">
      <t>チナイ</t>
    </rPh>
    <rPh sb="11" eb="18">
      <t>カナメダイニホドウキョウ</t>
    </rPh>
    <phoneticPr fontId="5"/>
  </si>
  <si>
    <t>平塚市追分地内他</t>
    <rPh sb="0" eb="2">
      <t>ヒラツカ</t>
    </rPh>
    <rPh sb="2" eb="3">
      <t>シ</t>
    </rPh>
    <rPh sb="3" eb="7">
      <t>オイワケチナイ</t>
    </rPh>
    <rPh sb="7" eb="8">
      <t>ホカ</t>
    </rPh>
    <phoneticPr fontId="5"/>
  </si>
  <si>
    <t>秦野市西大竹地内他（西大竹隧道）</t>
    <rPh sb="0" eb="3">
      <t>ハダノシ</t>
    </rPh>
    <rPh sb="3" eb="4">
      <t>ニシ</t>
    </rPh>
    <rPh sb="4" eb="6">
      <t>オオタケ</t>
    </rPh>
    <rPh sb="6" eb="7">
      <t>チ</t>
    </rPh>
    <rPh sb="7" eb="8">
      <t>ナイ</t>
    </rPh>
    <rPh sb="8" eb="9">
      <t>ホカ</t>
    </rPh>
    <rPh sb="10" eb="11">
      <t>ニシ</t>
    </rPh>
    <rPh sb="11" eb="13">
      <t>オオタケ</t>
    </rPh>
    <rPh sb="13" eb="15">
      <t>ズイドウ</t>
    </rPh>
    <phoneticPr fontId="5"/>
  </si>
  <si>
    <t>平塚市虹ケ浜地内</t>
    <rPh sb="0" eb="2">
      <t>ヒラツカ</t>
    </rPh>
    <rPh sb="2" eb="3">
      <t>シ</t>
    </rPh>
    <rPh sb="3" eb="4">
      <t>ニジ</t>
    </rPh>
    <rPh sb="5" eb="6">
      <t>ハマ</t>
    </rPh>
    <rPh sb="6" eb="7">
      <t>チ</t>
    </rPh>
    <rPh sb="7" eb="8">
      <t>ナイ</t>
    </rPh>
    <phoneticPr fontId="5"/>
  </si>
  <si>
    <t>平塚市東真土地内</t>
    <rPh sb="0" eb="2">
      <t>ヒラツカ</t>
    </rPh>
    <rPh sb="2" eb="3">
      <t>シ</t>
    </rPh>
    <rPh sb="3" eb="6">
      <t>ヒガシシンド</t>
    </rPh>
    <rPh sb="6" eb="8">
      <t>チナイ</t>
    </rPh>
    <phoneticPr fontId="5"/>
  </si>
  <si>
    <t>秦野市上大槻地内（新逆川橋）</t>
    <rPh sb="0" eb="3">
      <t>ハダノシ</t>
    </rPh>
    <rPh sb="3" eb="4">
      <t>カミ</t>
    </rPh>
    <rPh sb="4" eb="6">
      <t>オオツキ</t>
    </rPh>
    <rPh sb="6" eb="8">
      <t>チナイ</t>
    </rPh>
    <rPh sb="9" eb="10">
      <t>シン</t>
    </rPh>
    <rPh sb="10" eb="12">
      <t>サカガワ</t>
    </rPh>
    <rPh sb="12" eb="13">
      <t>ハシ</t>
    </rPh>
    <phoneticPr fontId="5"/>
  </si>
  <si>
    <t>伊勢原市上粕屋地内</t>
    <rPh sb="0" eb="4">
      <t>イセハラシ</t>
    </rPh>
    <rPh sb="4" eb="7">
      <t>カミカスヤ</t>
    </rPh>
    <rPh sb="7" eb="9">
      <t>チナイ</t>
    </rPh>
    <phoneticPr fontId="5"/>
  </si>
  <si>
    <t>伊勢原市板戸地内</t>
    <rPh sb="0" eb="4">
      <t>イセハラシ</t>
    </rPh>
    <rPh sb="4" eb="6">
      <t>イタド</t>
    </rPh>
    <rPh sb="6" eb="8">
      <t>チナイ</t>
    </rPh>
    <phoneticPr fontId="5"/>
  </si>
  <si>
    <t>秦野市西大竹地内他</t>
    <rPh sb="0" eb="3">
      <t>ハダノシ</t>
    </rPh>
    <rPh sb="3" eb="6">
      <t>ニシオオタケ</t>
    </rPh>
    <rPh sb="6" eb="7">
      <t>チ</t>
    </rPh>
    <rPh sb="7" eb="8">
      <t>ナイ</t>
    </rPh>
    <rPh sb="8" eb="9">
      <t>ホカ</t>
    </rPh>
    <phoneticPr fontId="5"/>
  </si>
  <si>
    <t>伊勢原市下糟屋地内</t>
    <rPh sb="0" eb="4">
      <t>イセハラシ</t>
    </rPh>
    <rPh sb="4" eb="7">
      <t>シモカスヤ</t>
    </rPh>
    <rPh sb="7" eb="8">
      <t>チ</t>
    </rPh>
    <rPh sb="8" eb="9">
      <t>ナイ</t>
    </rPh>
    <phoneticPr fontId="5"/>
  </si>
  <si>
    <t>秦野市　堀山下　地内</t>
    <rPh sb="0" eb="3">
      <t>ハダノシ</t>
    </rPh>
    <rPh sb="4" eb="7">
      <t>ホリヤマシタ</t>
    </rPh>
    <rPh sb="8" eb="9">
      <t>チ</t>
    </rPh>
    <rPh sb="9" eb="10">
      <t>ナイ</t>
    </rPh>
    <phoneticPr fontId="5"/>
  </si>
  <si>
    <t>平塚市田村四丁目地内</t>
    <rPh sb="0" eb="3">
      <t>ヒラツカシ</t>
    </rPh>
    <rPh sb="3" eb="8">
      <t>タムラヨンチョウメ</t>
    </rPh>
    <rPh sb="8" eb="10">
      <t>チナイ</t>
    </rPh>
    <phoneticPr fontId="5"/>
  </si>
  <si>
    <t>大磯町　大磯　地内</t>
    <rPh sb="0" eb="2">
      <t>オオイソ</t>
    </rPh>
    <rPh sb="2" eb="3">
      <t>マチ</t>
    </rPh>
    <rPh sb="4" eb="6">
      <t>オオイソ</t>
    </rPh>
    <rPh sb="7" eb="8">
      <t>チ</t>
    </rPh>
    <rPh sb="8" eb="9">
      <t>ナイ</t>
    </rPh>
    <phoneticPr fontId="5"/>
  </si>
  <si>
    <t>平塚市　唐ケ原　地先　他</t>
    <rPh sb="0" eb="2">
      <t>ヒラツカ</t>
    </rPh>
    <rPh sb="2" eb="3">
      <t>シ</t>
    </rPh>
    <rPh sb="4" eb="7">
      <t>トウガハラ</t>
    </rPh>
    <rPh sb="8" eb="10">
      <t>チサキ</t>
    </rPh>
    <rPh sb="11" eb="12">
      <t>ホカ</t>
    </rPh>
    <phoneticPr fontId="5"/>
  </si>
  <si>
    <t>平塚市　唐ケ原　地先</t>
    <rPh sb="0" eb="2">
      <t>ヒラツカ</t>
    </rPh>
    <rPh sb="2" eb="3">
      <t>シ</t>
    </rPh>
    <rPh sb="4" eb="7">
      <t>トウガハラ</t>
    </rPh>
    <rPh sb="8" eb="10">
      <t>チサキ</t>
    </rPh>
    <phoneticPr fontId="5"/>
  </si>
  <si>
    <t>平塚市　長持　地先</t>
    <rPh sb="0" eb="2">
      <t>ヒラツカ</t>
    </rPh>
    <rPh sb="2" eb="3">
      <t>シ</t>
    </rPh>
    <rPh sb="4" eb="6">
      <t>ナガモチ</t>
    </rPh>
    <rPh sb="7" eb="9">
      <t>チサキ</t>
    </rPh>
    <phoneticPr fontId="5"/>
  </si>
  <si>
    <t>平塚市　南原三丁目　地先　他</t>
    <rPh sb="0" eb="3">
      <t>ヒラツカシ</t>
    </rPh>
    <rPh sb="4" eb="6">
      <t>ミナミハラ</t>
    </rPh>
    <rPh sb="6" eb="9">
      <t>サンチョウメ</t>
    </rPh>
    <rPh sb="10" eb="12">
      <t>チサキ</t>
    </rPh>
    <rPh sb="13" eb="14">
      <t>ホカ</t>
    </rPh>
    <phoneticPr fontId="5"/>
  </si>
  <si>
    <t>平塚市　寺田縄　地先　他</t>
    <rPh sb="0" eb="3">
      <t>ヒラツカシ</t>
    </rPh>
    <rPh sb="4" eb="7">
      <t>テラダナワ</t>
    </rPh>
    <rPh sb="8" eb="10">
      <t>チサキ</t>
    </rPh>
    <rPh sb="11" eb="12">
      <t>ホカ</t>
    </rPh>
    <phoneticPr fontId="5"/>
  </si>
  <si>
    <t>二宮町　山西　地先</t>
    <rPh sb="0" eb="3">
      <t>ニノミヤマチ</t>
    </rPh>
    <rPh sb="4" eb="6">
      <t>ヤマニシ</t>
    </rPh>
    <rPh sb="7" eb="9">
      <t>チサキ</t>
    </rPh>
    <phoneticPr fontId="5"/>
  </si>
  <si>
    <t>秦野市　渋沢　地内</t>
    <rPh sb="0" eb="3">
      <t>ハダノシ</t>
    </rPh>
    <rPh sb="4" eb="6">
      <t>シブサワ</t>
    </rPh>
    <rPh sb="7" eb="8">
      <t>チ</t>
    </rPh>
    <rPh sb="8" eb="9">
      <t>ナイ</t>
    </rPh>
    <phoneticPr fontId="5"/>
  </si>
  <si>
    <t>平塚市　土屋　地先</t>
    <rPh sb="0" eb="3">
      <t>ヒラツカシ</t>
    </rPh>
    <rPh sb="4" eb="6">
      <t>ツチヤ</t>
    </rPh>
    <rPh sb="7" eb="9">
      <t>チサキ</t>
    </rPh>
    <phoneticPr fontId="5"/>
  </si>
  <si>
    <t>平塚市東真土地内</t>
    <rPh sb="0" eb="3">
      <t>ヒラツカシ</t>
    </rPh>
    <rPh sb="3" eb="4">
      <t>ヒガシ</t>
    </rPh>
    <rPh sb="4" eb="6">
      <t>シンド</t>
    </rPh>
    <rPh sb="6" eb="7">
      <t>チ</t>
    </rPh>
    <rPh sb="7" eb="8">
      <t>ナイ</t>
    </rPh>
    <phoneticPr fontId="5"/>
  </si>
  <si>
    <t>中郡大磯町西小磯地内</t>
    <rPh sb="0" eb="2">
      <t>ナカグン</t>
    </rPh>
    <rPh sb="2" eb="5">
      <t>オオイソマチ</t>
    </rPh>
    <rPh sb="5" eb="6">
      <t>ニシ</t>
    </rPh>
    <rPh sb="6" eb="8">
      <t>コイソ</t>
    </rPh>
    <rPh sb="8" eb="10">
      <t>チナイ</t>
    </rPh>
    <phoneticPr fontId="5"/>
  </si>
  <si>
    <t>秦野市堀山下・戸川 地内</t>
    <rPh sb="0" eb="3">
      <t>ハダノシ</t>
    </rPh>
    <rPh sb="3" eb="6">
      <t>ホリヤマシタ</t>
    </rPh>
    <rPh sb="7" eb="9">
      <t>トガワ</t>
    </rPh>
    <rPh sb="10" eb="11">
      <t>チ</t>
    </rPh>
    <rPh sb="11" eb="12">
      <t>ダイチ</t>
    </rPh>
    <phoneticPr fontId="5"/>
  </si>
  <si>
    <t>伊勢原市西富岡地内　</t>
    <rPh sb="0" eb="3">
      <t>イセハラ</t>
    </rPh>
    <rPh sb="3" eb="4">
      <t>シ</t>
    </rPh>
    <rPh sb="4" eb="7">
      <t>ニシトミオカ</t>
    </rPh>
    <rPh sb="7" eb="9">
      <t>チナイ</t>
    </rPh>
    <phoneticPr fontId="5"/>
  </si>
  <si>
    <t>茅ヶ崎市下寺尾地先外</t>
    <rPh sb="9" eb="10">
      <t>ホカ</t>
    </rPh>
    <phoneticPr fontId="5"/>
  </si>
  <si>
    <t>鎌倉市材木座一丁目地先外</t>
    <rPh sb="0" eb="3">
      <t>ｋｍ</t>
    </rPh>
    <rPh sb="3" eb="9">
      <t>ザイモクザイッチョウメ</t>
    </rPh>
    <rPh sb="9" eb="11">
      <t>ｃｋ</t>
    </rPh>
    <rPh sb="11" eb="12">
      <t>ソト</t>
    </rPh>
    <phoneticPr fontId="5"/>
  </si>
  <si>
    <t>茅ヶ崎市堤地内</t>
    <rPh sb="0" eb="4">
      <t>チガサキシ</t>
    </rPh>
    <rPh sb="4" eb="5">
      <t>ツツミ</t>
    </rPh>
    <rPh sb="5" eb="6">
      <t>チ</t>
    </rPh>
    <rPh sb="6" eb="7">
      <t>ナイ</t>
    </rPh>
    <phoneticPr fontId="5"/>
  </si>
  <si>
    <t>藤沢市遠藤地先</t>
    <rPh sb="0" eb="2">
      <t>フジサワ</t>
    </rPh>
    <rPh sb="2" eb="3">
      <t>シ</t>
    </rPh>
    <rPh sb="3" eb="5">
      <t>エンドウ</t>
    </rPh>
    <rPh sb="5" eb="7">
      <t>チサキ</t>
    </rPh>
    <phoneticPr fontId="5"/>
  </si>
  <si>
    <t>藤沢市鵠沼海岸二丁目地先外</t>
    <rPh sb="0" eb="3">
      <t>フジサワシ</t>
    </rPh>
    <rPh sb="3" eb="7">
      <t>クゲヌマカイガン</t>
    </rPh>
    <rPh sb="7" eb="10">
      <t>２チョウメ</t>
    </rPh>
    <rPh sb="10" eb="12">
      <t>チサキ</t>
    </rPh>
    <rPh sb="12" eb="13">
      <t>ホカ</t>
    </rPh>
    <phoneticPr fontId="5"/>
  </si>
  <si>
    <t>藤沢市下土棚地先</t>
    <rPh sb="0" eb="3">
      <t>フジサワシ</t>
    </rPh>
    <rPh sb="3" eb="6">
      <t>シモツチダナ</t>
    </rPh>
    <rPh sb="6" eb="8">
      <t>チサキ</t>
    </rPh>
    <phoneticPr fontId="5"/>
  </si>
  <si>
    <t>横浜市泉区下飯田町地先</t>
  </si>
  <si>
    <t>茅ヶ崎市白浜町～菱沼海岸地先外</t>
  </si>
  <si>
    <t>茅ヶ崎市柳島地先</t>
    <rPh sb="0" eb="3">
      <t>チガサキ</t>
    </rPh>
    <rPh sb="3" eb="4">
      <t>シ</t>
    </rPh>
    <rPh sb="4" eb="6">
      <t>ヤナギシマ</t>
    </rPh>
    <rPh sb="6" eb="8">
      <t>チサキ</t>
    </rPh>
    <phoneticPr fontId="5"/>
  </si>
  <si>
    <t>藤沢市下土棚地先</t>
    <rPh sb="0" eb="2">
      <t>フジサワ</t>
    </rPh>
    <rPh sb="2" eb="3">
      <t>シ</t>
    </rPh>
    <rPh sb="3" eb="6">
      <t>シモツチダナ</t>
    </rPh>
    <rPh sb="6" eb="8">
      <t>チサキ</t>
    </rPh>
    <phoneticPr fontId="5"/>
  </si>
  <si>
    <t>藤沢市辻堂西海岸三丁目地内</t>
    <rPh sb="0" eb="2">
      <t>フジサワ</t>
    </rPh>
    <rPh sb="2" eb="3">
      <t>シ</t>
    </rPh>
    <rPh sb="3" eb="5">
      <t>ツジドウ</t>
    </rPh>
    <rPh sb="5" eb="6">
      <t>ニシ</t>
    </rPh>
    <rPh sb="6" eb="8">
      <t>カイガン</t>
    </rPh>
    <rPh sb="8" eb="11">
      <t>サンチョウメ</t>
    </rPh>
    <rPh sb="11" eb="12">
      <t>チ</t>
    </rPh>
    <rPh sb="12" eb="13">
      <t>ナイ</t>
    </rPh>
    <phoneticPr fontId="15"/>
  </si>
  <si>
    <t>茅ヶ崎市東海岸南四丁目外</t>
    <rPh sb="0" eb="4">
      <t>チガサキシ</t>
    </rPh>
    <rPh sb="4" eb="5">
      <t>ヒガシ</t>
    </rPh>
    <rPh sb="5" eb="7">
      <t>カイガン</t>
    </rPh>
    <rPh sb="7" eb="8">
      <t>ミナミ</t>
    </rPh>
    <rPh sb="8" eb="11">
      <t>４チョウメ</t>
    </rPh>
    <rPh sb="11" eb="12">
      <t>ソト</t>
    </rPh>
    <phoneticPr fontId="5"/>
  </si>
  <si>
    <t>寒川町一之宮一丁目外</t>
    <rPh sb="0" eb="3">
      <t>サムカワマチ</t>
    </rPh>
    <rPh sb="3" eb="10">
      <t>イチノミヤ１チョウメソト</t>
    </rPh>
    <phoneticPr fontId="5"/>
  </si>
  <si>
    <t>藤沢市石川二丁目</t>
    <rPh sb="0" eb="3">
      <t>フジサワシ</t>
    </rPh>
    <rPh sb="3" eb="5">
      <t>イシカワ</t>
    </rPh>
    <rPh sb="5" eb="8">
      <t>２チョウメ</t>
    </rPh>
    <phoneticPr fontId="5"/>
  </si>
  <si>
    <t>茅ヶ崎市堤</t>
    <rPh sb="0" eb="4">
      <t>チガサキシ</t>
    </rPh>
    <rPh sb="4" eb="5">
      <t>ツツミ</t>
    </rPh>
    <phoneticPr fontId="5"/>
  </si>
  <si>
    <t>鎌倉市笛田一丁目外</t>
    <rPh sb="0" eb="3">
      <t>カマクラシ</t>
    </rPh>
    <rPh sb="3" eb="5">
      <t>フエダ</t>
    </rPh>
    <rPh sb="5" eb="8">
      <t>イッチョウメ</t>
    </rPh>
    <rPh sb="8" eb="9">
      <t>ソト</t>
    </rPh>
    <phoneticPr fontId="5"/>
  </si>
  <si>
    <t>藤沢市石川六丁目</t>
    <rPh sb="0" eb="3">
      <t>フジサワシ</t>
    </rPh>
    <rPh sb="3" eb="5">
      <t>イシカワ</t>
    </rPh>
    <rPh sb="5" eb="6">
      <t>ロク</t>
    </rPh>
    <rPh sb="6" eb="8">
      <t>チョウメ</t>
    </rPh>
    <phoneticPr fontId="5"/>
  </si>
  <si>
    <t>藤沢市並木台一丁目外</t>
    <rPh sb="0" eb="3">
      <t>フジサワシ</t>
    </rPh>
    <rPh sb="3" eb="6">
      <t>ナミキダイ</t>
    </rPh>
    <rPh sb="6" eb="9">
      <t>イッチョウメ</t>
    </rPh>
    <rPh sb="9" eb="10">
      <t>ソト</t>
    </rPh>
    <phoneticPr fontId="5"/>
  </si>
  <si>
    <t>藤沢市湘南台七丁目外</t>
    <rPh sb="0" eb="3">
      <t>フジサワシ</t>
    </rPh>
    <rPh sb="3" eb="6">
      <t>ショウナンダイ</t>
    </rPh>
    <rPh sb="6" eb="9">
      <t>ナナチョウメ</t>
    </rPh>
    <rPh sb="9" eb="10">
      <t>ソト</t>
    </rPh>
    <phoneticPr fontId="5"/>
  </si>
  <si>
    <t>鎌倉市寺分外</t>
    <rPh sb="0" eb="3">
      <t>カマクラシ</t>
    </rPh>
    <rPh sb="3" eb="4">
      <t>テラ</t>
    </rPh>
    <rPh sb="4" eb="5">
      <t>ブン</t>
    </rPh>
    <rPh sb="5" eb="6">
      <t>ホカ</t>
    </rPh>
    <phoneticPr fontId="5"/>
  </si>
  <si>
    <t>鎌倉市津西一丁目外</t>
    <rPh sb="0" eb="3">
      <t>カマクラシ</t>
    </rPh>
    <rPh sb="3" eb="5">
      <t>ツニシ</t>
    </rPh>
    <rPh sb="5" eb="8">
      <t>イッチョウメ</t>
    </rPh>
    <rPh sb="8" eb="9">
      <t>ホカ</t>
    </rPh>
    <phoneticPr fontId="5"/>
  </si>
  <si>
    <t>藤沢市高倉地内</t>
    <rPh sb="0" eb="2">
      <t>フジサワ</t>
    </rPh>
    <rPh sb="2" eb="3">
      <t>シ</t>
    </rPh>
    <rPh sb="3" eb="7">
      <t>タカクラチナイ</t>
    </rPh>
    <phoneticPr fontId="5"/>
  </si>
  <si>
    <t>藤沢市辻堂五丁目地内外</t>
    <rPh sb="0" eb="2">
      <t>フジサワ</t>
    </rPh>
    <rPh sb="2" eb="3">
      <t>シ</t>
    </rPh>
    <rPh sb="3" eb="5">
      <t>ツジドウ</t>
    </rPh>
    <rPh sb="5" eb="8">
      <t>ゴチョウメ</t>
    </rPh>
    <rPh sb="8" eb="9">
      <t>チ</t>
    </rPh>
    <rPh sb="9" eb="10">
      <t>ナイ</t>
    </rPh>
    <rPh sb="10" eb="11">
      <t>ガイ</t>
    </rPh>
    <phoneticPr fontId="5"/>
  </si>
  <si>
    <t>寒川町宮山～一之宮地内</t>
    <rPh sb="0" eb="3">
      <t>サムカワマチ</t>
    </rPh>
    <rPh sb="3" eb="5">
      <t>ミヤヤマ</t>
    </rPh>
    <rPh sb="6" eb="9">
      <t>イチノミヤ</t>
    </rPh>
    <rPh sb="9" eb="10">
      <t>チ</t>
    </rPh>
    <rPh sb="10" eb="11">
      <t>ナイ</t>
    </rPh>
    <phoneticPr fontId="5"/>
  </si>
  <si>
    <t>藤沢市片瀬海岸一丁目～鵠沼海岸四丁目地先</t>
    <rPh sb="0" eb="3">
      <t>フジサワシ</t>
    </rPh>
    <rPh sb="3" eb="5">
      <t>カタセ</t>
    </rPh>
    <rPh sb="5" eb="7">
      <t>カイガン</t>
    </rPh>
    <rPh sb="7" eb="10">
      <t>イッチョウメ</t>
    </rPh>
    <rPh sb="11" eb="13">
      <t>クゲヌマ</t>
    </rPh>
    <rPh sb="13" eb="15">
      <t>カイガン</t>
    </rPh>
    <rPh sb="15" eb="18">
      <t>ヨンチョウメ</t>
    </rPh>
    <rPh sb="18" eb="20">
      <t>チサキ</t>
    </rPh>
    <phoneticPr fontId="15"/>
  </si>
  <si>
    <t>藤沢市辻堂西海岸三丁目地内</t>
    <rPh sb="5" eb="6">
      <t>ニシ</t>
    </rPh>
    <phoneticPr fontId="5"/>
  </si>
  <si>
    <t>藤沢市城南五丁目地内外</t>
    <rPh sb="0" eb="2">
      <t>フジサワ</t>
    </rPh>
    <rPh sb="2" eb="3">
      <t>シ</t>
    </rPh>
    <rPh sb="3" eb="5">
      <t>ジョウナン</t>
    </rPh>
    <rPh sb="5" eb="8">
      <t>ゴチョウメ</t>
    </rPh>
    <rPh sb="8" eb="9">
      <t>チ</t>
    </rPh>
    <rPh sb="9" eb="10">
      <t>ナイ</t>
    </rPh>
    <rPh sb="10" eb="11">
      <t>ガイ</t>
    </rPh>
    <phoneticPr fontId="5"/>
  </si>
  <si>
    <t>鎌倉市由比ガ浜四丁目地内【由比ガ浜地下駐車場】</t>
    <rPh sb="0" eb="2">
      <t>カマクラ</t>
    </rPh>
    <rPh sb="2" eb="3">
      <t>シ</t>
    </rPh>
    <rPh sb="3" eb="5">
      <t>ユイ</t>
    </rPh>
    <rPh sb="6" eb="7">
      <t>ハマ</t>
    </rPh>
    <rPh sb="7" eb="10">
      <t>ヨンチョウメ</t>
    </rPh>
    <rPh sb="10" eb="11">
      <t>チ</t>
    </rPh>
    <rPh sb="11" eb="12">
      <t>ナイ</t>
    </rPh>
    <rPh sb="13" eb="15">
      <t>ユイ</t>
    </rPh>
    <rPh sb="16" eb="17">
      <t>ハマ</t>
    </rPh>
    <rPh sb="17" eb="22">
      <t>チカチュウシャジョウ</t>
    </rPh>
    <phoneticPr fontId="5"/>
  </si>
  <si>
    <t>茅ヶ崎市芹沢地内</t>
  </si>
  <si>
    <t>茅ケ崎市白浜町地先外</t>
    <rPh sb="0" eb="4">
      <t>チガサキシ</t>
    </rPh>
    <rPh sb="4" eb="6">
      <t>シラハマ</t>
    </rPh>
    <rPh sb="6" eb="7">
      <t>チョウ</t>
    </rPh>
    <rPh sb="7" eb="9">
      <t>チサキ</t>
    </rPh>
    <rPh sb="9" eb="10">
      <t>ソト</t>
    </rPh>
    <phoneticPr fontId="5"/>
  </si>
  <si>
    <t>鎌倉市植木</t>
  </si>
  <si>
    <t>鎌倉市大町一丁目地内外</t>
    <rPh sb="0" eb="2">
      <t>カマクラ</t>
    </rPh>
    <rPh sb="2" eb="3">
      <t>シ</t>
    </rPh>
    <rPh sb="3" eb="5">
      <t>オオマチ</t>
    </rPh>
    <rPh sb="5" eb="8">
      <t>イッチョウメ</t>
    </rPh>
    <rPh sb="8" eb="10">
      <t>チナイ</t>
    </rPh>
    <rPh sb="10" eb="11">
      <t>ガイ</t>
    </rPh>
    <phoneticPr fontId="5"/>
  </si>
  <si>
    <t>藤沢市亀井野二丁目地内外</t>
    <rPh sb="0" eb="2">
      <t>フジサワ</t>
    </rPh>
    <rPh sb="2" eb="3">
      <t>シ</t>
    </rPh>
    <rPh sb="3" eb="6">
      <t>カメイノ</t>
    </rPh>
    <rPh sb="6" eb="9">
      <t>ニチョウメ</t>
    </rPh>
    <rPh sb="9" eb="10">
      <t>チ</t>
    </rPh>
    <rPh sb="10" eb="11">
      <t>ナイ</t>
    </rPh>
    <rPh sb="11" eb="12">
      <t>ホカ</t>
    </rPh>
    <phoneticPr fontId="5"/>
  </si>
  <si>
    <t>藤沢市辻堂西海岸一丁目地内外（高砂歩道橋）</t>
    <rPh sb="5" eb="8">
      <t>ニシカイガン</t>
    </rPh>
    <rPh sb="8" eb="11">
      <t>イッチョウメ</t>
    </rPh>
    <rPh sb="11" eb="12">
      <t>チ</t>
    </rPh>
    <rPh sb="12" eb="13">
      <t>ナイ</t>
    </rPh>
    <rPh sb="13" eb="14">
      <t>ガイ</t>
    </rPh>
    <rPh sb="15" eb="20">
      <t>タカスナホドウキョウ</t>
    </rPh>
    <phoneticPr fontId="5"/>
  </si>
  <si>
    <t>鎌倉市稲村ガ崎五丁目地内</t>
    <rPh sb="0" eb="3">
      <t>カマクラシ</t>
    </rPh>
    <rPh sb="3" eb="5">
      <t>イナムラ</t>
    </rPh>
    <rPh sb="6" eb="7">
      <t>サキ</t>
    </rPh>
    <rPh sb="7" eb="8">
      <t>ゴ</t>
    </rPh>
    <rPh sb="8" eb="10">
      <t>チョウメ</t>
    </rPh>
    <rPh sb="10" eb="11">
      <t>チ</t>
    </rPh>
    <rPh sb="11" eb="12">
      <t>ナイ</t>
    </rPh>
    <phoneticPr fontId="15"/>
  </si>
  <si>
    <t>藤沢市辻堂西海岸三丁目地内</t>
    <rPh sb="0" eb="2">
      <t>フジサワ</t>
    </rPh>
    <rPh sb="2" eb="3">
      <t>シ</t>
    </rPh>
    <rPh sb="3" eb="5">
      <t>ツジドウ</t>
    </rPh>
    <rPh sb="5" eb="8">
      <t>ニシカイガン</t>
    </rPh>
    <rPh sb="8" eb="11">
      <t>サンチョウメ</t>
    </rPh>
    <rPh sb="11" eb="13">
      <t>チナイ</t>
    </rPh>
    <phoneticPr fontId="5"/>
  </si>
  <si>
    <t>藤沢市川名地内</t>
    <rPh sb="0" eb="3">
      <t>フジサワシ</t>
    </rPh>
    <rPh sb="3" eb="5">
      <t>カワナ</t>
    </rPh>
    <rPh sb="5" eb="6">
      <t>チ</t>
    </rPh>
    <rPh sb="6" eb="7">
      <t>ナイ</t>
    </rPh>
    <phoneticPr fontId="5"/>
  </si>
  <si>
    <t>寒川町一之宮四丁目</t>
    <rPh sb="0" eb="2">
      <t>サムカワ</t>
    </rPh>
    <rPh sb="2" eb="3">
      <t>マチ</t>
    </rPh>
    <rPh sb="3" eb="6">
      <t>イチノミヤ</t>
    </rPh>
    <rPh sb="6" eb="7">
      <t>４</t>
    </rPh>
    <rPh sb="7" eb="9">
      <t>チョウメ</t>
    </rPh>
    <phoneticPr fontId="5"/>
  </si>
  <si>
    <t>寒川町宮山</t>
    <rPh sb="0" eb="2">
      <t>サムカワ</t>
    </rPh>
    <rPh sb="2" eb="3">
      <t>マチ</t>
    </rPh>
    <rPh sb="3" eb="5">
      <t>ミヤヤマ</t>
    </rPh>
    <phoneticPr fontId="5"/>
  </si>
  <si>
    <t>藤沢市辻堂太平台一丁目外</t>
    <rPh sb="0" eb="3">
      <t>フジサワシ</t>
    </rPh>
    <rPh sb="3" eb="5">
      <t>ツジドウ</t>
    </rPh>
    <rPh sb="5" eb="8">
      <t>タイヘイダイ</t>
    </rPh>
    <rPh sb="8" eb="11">
      <t>イッチョウメ</t>
    </rPh>
    <rPh sb="11" eb="12">
      <t>ソト</t>
    </rPh>
    <phoneticPr fontId="5"/>
  </si>
  <si>
    <t>藤沢市大庭</t>
    <rPh sb="0" eb="3">
      <t>フジサワシ</t>
    </rPh>
    <rPh sb="3" eb="5">
      <t>オオバ</t>
    </rPh>
    <phoneticPr fontId="5"/>
  </si>
  <si>
    <t>鎌倉市山ノ内</t>
    <rPh sb="3" eb="4">
      <t>ヤマ</t>
    </rPh>
    <rPh sb="5" eb="6">
      <t>ウチ</t>
    </rPh>
    <phoneticPr fontId="5"/>
  </si>
  <si>
    <t>鎌倉市小袋谷二丁目外</t>
    <rPh sb="0" eb="3">
      <t>カマクラシ</t>
    </rPh>
    <rPh sb="3" eb="6">
      <t>コブクロヤ</t>
    </rPh>
    <rPh sb="6" eb="9">
      <t>ニチョウメ</t>
    </rPh>
    <rPh sb="9" eb="10">
      <t>ホカ</t>
    </rPh>
    <phoneticPr fontId="5"/>
  </si>
  <si>
    <t>藤沢市渡内一丁目外</t>
    <rPh sb="0" eb="3">
      <t>フジサワシ</t>
    </rPh>
    <rPh sb="3" eb="5">
      <t>ワタウチ</t>
    </rPh>
    <rPh sb="5" eb="8">
      <t>１チョウメ</t>
    </rPh>
    <rPh sb="8" eb="9">
      <t>ホカ</t>
    </rPh>
    <phoneticPr fontId="5"/>
  </si>
  <si>
    <t>茅ヶ崎市中島外</t>
    <rPh sb="0" eb="4">
      <t>チガサキシ</t>
    </rPh>
    <rPh sb="4" eb="6">
      <t>ナカジマ</t>
    </rPh>
    <rPh sb="6" eb="7">
      <t>ホカ</t>
    </rPh>
    <phoneticPr fontId="5"/>
  </si>
  <si>
    <t>藤沢市用田地内</t>
    <rPh sb="0" eb="3">
      <t>フジサワシ</t>
    </rPh>
    <rPh sb="3" eb="5">
      <t>ヨウダ</t>
    </rPh>
    <rPh sb="5" eb="6">
      <t>チ</t>
    </rPh>
    <rPh sb="6" eb="7">
      <t>ナイ</t>
    </rPh>
    <phoneticPr fontId="5"/>
  </si>
  <si>
    <t>藤沢市辻堂西海岸二丁目地内外（団地前歩道橋）</t>
    <rPh sb="0" eb="2">
      <t>フジサワ</t>
    </rPh>
    <rPh sb="2" eb="3">
      <t>シ</t>
    </rPh>
    <rPh sb="3" eb="5">
      <t>ツジドウ</t>
    </rPh>
    <rPh sb="5" eb="8">
      <t>ニシカイガン</t>
    </rPh>
    <rPh sb="8" eb="11">
      <t>ニチョウメ</t>
    </rPh>
    <rPh sb="11" eb="12">
      <t>チ</t>
    </rPh>
    <rPh sb="12" eb="13">
      <t>ナイ</t>
    </rPh>
    <rPh sb="13" eb="14">
      <t>ホカ</t>
    </rPh>
    <rPh sb="15" eb="21">
      <t>ダンチマエホドウキョウ</t>
    </rPh>
    <phoneticPr fontId="5"/>
  </si>
  <si>
    <t>寒川町宮山</t>
    <rPh sb="0" eb="3">
      <t>サムカワマチ</t>
    </rPh>
    <rPh sb="3" eb="5">
      <t>ミヤヤマ</t>
    </rPh>
    <phoneticPr fontId="15"/>
  </si>
  <si>
    <t>藤沢市みその台外</t>
    <rPh sb="0" eb="3">
      <t>フジサワシ</t>
    </rPh>
    <rPh sb="6" eb="8">
      <t>ダイソト</t>
    </rPh>
    <phoneticPr fontId="15"/>
  </si>
  <si>
    <t>藤沢市獺郷</t>
    <rPh sb="0" eb="3">
      <t>フジサワシ</t>
    </rPh>
    <rPh sb="3" eb="5">
      <t>オソゴウ</t>
    </rPh>
    <phoneticPr fontId="15"/>
  </si>
  <si>
    <t>鎌倉市笛田五丁目地内外</t>
    <rPh sb="0" eb="3">
      <t>カマクラシ</t>
    </rPh>
    <rPh sb="3" eb="5">
      <t>フエダ</t>
    </rPh>
    <rPh sb="5" eb="8">
      <t>ゴチョウメ</t>
    </rPh>
    <rPh sb="8" eb="9">
      <t>チ</t>
    </rPh>
    <rPh sb="9" eb="10">
      <t>ナイ</t>
    </rPh>
    <rPh sb="10" eb="11">
      <t>ホカ</t>
    </rPh>
    <phoneticPr fontId="5"/>
  </si>
  <si>
    <t>鎌倉市由比ガ浜二丁目地内（由比ガ浜歩道橋）</t>
    <rPh sb="0" eb="3">
      <t>カマクラシ</t>
    </rPh>
    <rPh sb="3" eb="5">
      <t>ユイ</t>
    </rPh>
    <rPh sb="6" eb="7">
      <t>ハマ</t>
    </rPh>
    <rPh sb="7" eb="10">
      <t>ニチョウメ</t>
    </rPh>
    <rPh sb="10" eb="11">
      <t>チ</t>
    </rPh>
    <rPh sb="11" eb="12">
      <t>ナイ</t>
    </rPh>
    <rPh sb="13" eb="15">
      <t>ユイ</t>
    </rPh>
    <rPh sb="16" eb="17">
      <t>ハマ</t>
    </rPh>
    <rPh sb="17" eb="20">
      <t>ホドウキョウ</t>
    </rPh>
    <phoneticPr fontId="5"/>
  </si>
  <si>
    <t>藤沢市下土棚地先</t>
    <rPh sb="0" eb="2">
      <t>フジサワ</t>
    </rPh>
    <rPh sb="2" eb="3">
      <t>シ</t>
    </rPh>
    <rPh sb="3" eb="8">
      <t>シモツチダナチサキ</t>
    </rPh>
    <phoneticPr fontId="5"/>
  </si>
  <si>
    <t>藤沢市白旗二丁目地先</t>
    <rPh sb="0" eb="3">
      <t>フジサワシ</t>
    </rPh>
    <rPh sb="3" eb="5">
      <t>シラハタ</t>
    </rPh>
    <rPh sb="5" eb="8">
      <t>ニチョウメ</t>
    </rPh>
    <rPh sb="8" eb="10">
      <t>チサキ</t>
    </rPh>
    <phoneticPr fontId="5"/>
  </si>
  <si>
    <t>茅ヶ崎市東海岸南四丁目地内外</t>
    <rPh sb="0" eb="3">
      <t>チガサキ</t>
    </rPh>
    <rPh sb="3" eb="4">
      <t>シ</t>
    </rPh>
    <rPh sb="4" eb="5">
      <t>ヒガシ</t>
    </rPh>
    <rPh sb="5" eb="7">
      <t>カイガン</t>
    </rPh>
    <rPh sb="7" eb="8">
      <t>ミナミ</t>
    </rPh>
    <rPh sb="8" eb="9">
      <t>ヨン</t>
    </rPh>
    <rPh sb="9" eb="11">
      <t>チョウメ</t>
    </rPh>
    <rPh sb="11" eb="13">
      <t>チナイ</t>
    </rPh>
    <rPh sb="13" eb="14">
      <t>ホカ</t>
    </rPh>
    <phoneticPr fontId="5"/>
  </si>
  <si>
    <t>藤沢市下土棚</t>
    <rPh sb="0" eb="3">
      <t>フジサワシ</t>
    </rPh>
    <rPh sb="3" eb="6">
      <t>シモツチダナ</t>
    </rPh>
    <phoneticPr fontId="5"/>
  </si>
  <si>
    <t>藤沢市柄沢外</t>
    <rPh sb="0" eb="3">
      <t>フジサワシ</t>
    </rPh>
    <rPh sb="3" eb="5">
      <t>カラサワ</t>
    </rPh>
    <rPh sb="5" eb="6">
      <t>ソト</t>
    </rPh>
    <phoneticPr fontId="5"/>
  </si>
  <si>
    <t>鎌倉市材木座五丁目</t>
    <rPh sb="0" eb="3">
      <t>カマクラシ</t>
    </rPh>
    <rPh sb="3" eb="6">
      <t>ザイモクザ</t>
    </rPh>
    <rPh sb="6" eb="7">
      <t>ゴ</t>
    </rPh>
    <rPh sb="7" eb="9">
      <t>チョウメ</t>
    </rPh>
    <phoneticPr fontId="5"/>
  </si>
  <si>
    <t>茅ヶ崎市堤外</t>
    <rPh sb="0" eb="4">
      <t>チガサキシ</t>
    </rPh>
    <rPh sb="4" eb="5">
      <t>ツツミ</t>
    </rPh>
    <rPh sb="5" eb="6">
      <t>ホカ</t>
    </rPh>
    <phoneticPr fontId="5"/>
  </si>
  <si>
    <t>寒川町岡田八丁目地先</t>
    <rPh sb="0" eb="2">
      <t>サムカワ</t>
    </rPh>
    <rPh sb="2" eb="3">
      <t>マチ</t>
    </rPh>
    <rPh sb="3" eb="5">
      <t>オカダ</t>
    </rPh>
    <rPh sb="5" eb="8">
      <t>ハッチョウメ</t>
    </rPh>
    <rPh sb="8" eb="10">
      <t>チサキ</t>
    </rPh>
    <phoneticPr fontId="5"/>
  </si>
  <si>
    <t>藤沢市大庭地先</t>
    <rPh sb="0" eb="3">
      <t>フジサワシ</t>
    </rPh>
    <rPh sb="3" eb="5">
      <t>オオバ</t>
    </rPh>
    <rPh sb="5" eb="7">
      <t>チサキ</t>
    </rPh>
    <phoneticPr fontId="5"/>
  </si>
  <si>
    <t>茅ヶ崎市円蔵</t>
    <rPh sb="0" eb="4">
      <t>チガサキシ</t>
    </rPh>
    <rPh sb="4" eb="6">
      <t>エンゾウ</t>
    </rPh>
    <phoneticPr fontId="5"/>
  </si>
  <si>
    <t>鎌倉市山崎外</t>
    <rPh sb="0" eb="3">
      <t>カマクラシ</t>
    </rPh>
    <rPh sb="3" eb="5">
      <t>ヤマザキ</t>
    </rPh>
    <rPh sb="5" eb="6">
      <t>ホカ</t>
    </rPh>
    <phoneticPr fontId="5"/>
  </si>
  <si>
    <t>鎌倉市七里ガ浜東二丁目地内外</t>
    <rPh sb="0" eb="2">
      <t>カマクラ</t>
    </rPh>
    <rPh sb="2" eb="3">
      <t>シ</t>
    </rPh>
    <rPh sb="3" eb="5">
      <t>シチリ</t>
    </rPh>
    <rPh sb="6" eb="11">
      <t>ハマヒガシニチョウメ</t>
    </rPh>
    <rPh sb="11" eb="13">
      <t>チナイ</t>
    </rPh>
    <rPh sb="13" eb="14">
      <t>ガイ</t>
    </rPh>
    <phoneticPr fontId="5"/>
  </si>
  <si>
    <t>茅ヶ崎市行谷地先外</t>
  </si>
  <si>
    <t>茅ヶ崎市行谷地先外</t>
    <rPh sb="0" eb="4">
      <t>チガサキシ</t>
    </rPh>
    <rPh sb="4" eb="6">
      <t>ナメガヤ</t>
    </rPh>
    <rPh sb="6" eb="8">
      <t>チサキ</t>
    </rPh>
    <rPh sb="8" eb="9">
      <t>ホカ</t>
    </rPh>
    <phoneticPr fontId="5"/>
  </si>
  <si>
    <t>藤沢市川名一丁目地先</t>
    <rPh sb="0" eb="3">
      <t>フジサワシ</t>
    </rPh>
    <rPh sb="3" eb="5">
      <t>カワナ</t>
    </rPh>
    <rPh sb="5" eb="8">
      <t>イッチョウメ</t>
    </rPh>
    <rPh sb="8" eb="10">
      <t>チサキ</t>
    </rPh>
    <phoneticPr fontId="5"/>
  </si>
  <si>
    <t>鎌倉市植木地内</t>
    <rPh sb="0" eb="3">
      <t>カマクラシ</t>
    </rPh>
    <rPh sb="3" eb="5">
      <t>ウエキ</t>
    </rPh>
    <rPh sb="5" eb="7">
      <t>チナイ</t>
    </rPh>
    <phoneticPr fontId="5"/>
  </si>
  <si>
    <t>鎌倉市稲村ガ崎二丁目地内</t>
    <rPh sb="0" eb="3">
      <t>カマクラシ</t>
    </rPh>
    <rPh sb="3" eb="5">
      <t>イナムラ</t>
    </rPh>
    <rPh sb="6" eb="7">
      <t>サキ</t>
    </rPh>
    <rPh sb="7" eb="8">
      <t>ニ</t>
    </rPh>
    <rPh sb="8" eb="10">
      <t>チョウメ</t>
    </rPh>
    <rPh sb="10" eb="12">
      <t>チナイ</t>
    </rPh>
    <phoneticPr fontId="5"/>
  </si>
  <si>
    <t>鎌倉市浄明寺一丁目地内</t>
    <rPh sb="0" eb="3">
      <t>カマクラシ</t>
    </rPh>
    <rPh sb="3" eb="6">
      <t>ジョウミョウジ</t>
    </rPh>
    <rPh sb="6" eb="9">
      <t>イッチョウメ</t>
    </rPh>
    <rPh sb="9" eb="11">
      <t>チナイ</t>
    </rPh>
    <phoneticPr fontId="5"/>
  </si>
  <si>
    <t>藤沢市弥勒寺三丁目（弥勒寺高架橋）</t>
    <rPh sb="0" eb="3">
      <t>フジサワシ</t>
    </rPh>
    <rPh sb="3" eb="6">
      <t>ミロクジ</t>
    </rPh>
    <rPh sb="6" eb="9">
      <t>３チョウメ</t>
    </rPh>
    <rPh sb="10" eb="16">
      <t>ミロクジコウカキョウ</t>
    </rPh>
    <phoneticPr fontId="5"/>
  </si>
  <si>
    <t>茅ヶ崎市芹沢地内</t>
    <rPh sb="0" eb="4">
      <t>チガサキシ</t>
    </rPh>
    <rPh sb="4" eb="6">
      <t>セリザワ</t>
    </rPh>
    <rPh sb="6" eb="7">
      <t>チ</t>
    </rPh>
    <rPh sb="7" eb="8">
      <t>ナイ</t>
    </rPh>
    <phoneticPr fontId="15"/>
  </si>
  <si>
    <t>藤沢市鵠沼海岸四丁目地内</t>
    <rPh sb="0" eb="2">
      <t>フジサワ</t>
    </rPh>
    <rPh sb="2" eb="3">
      <t>シ</t>
    </rPh>
    <rPh sb="3" eb="12">
      <t>クゲヌマカイガンヨンチョウメチナイ</t>
    </rPh>
    <phoneticPr fontId="5"/>
  </si>
  <si>
    <t>藤沢市片瀬海岸一丁目地内外</t>
    <rPh sb="0" eb="2">
      <t>フジサワ</t>
    </rPh>
    <rPh sb="2" eb="3">
      <t>シ</t>
    </rPh>
    <rPh sb="3" eb="5">
      <t>カタセ</t>
    </rPh>
    <rPh sb="5" eb="7">
      <t>カイガン</t>
    </rPh>
    <rPh sb="7" eb="10">
      <t>イッチョウメ</t>
    </rPh>
    <rPh sb="10" eb="11">
      <t>チ</t>
    </rPh>
    <rPh sb="11" eb="12">
      <t>ナイ</t>
    </rPh>
    <rPh sb="12" eb="13">
      <t>ガイ</t>
    </rPh>
    <phoneticPr fontId="5"/>
  </si>
  <si>
    <t>茅ヶ崎市汐見台地内外</t>
    <rPh sb="0" eb="3">
      <t>チガサキ</t>
    </rPh>
    <rPh sb="3" eb="4">
      <t>シ</t>
    </rPh>
    <rPh sb="4" eb="7">
      <t>シオミダイ</t>
    </rPh>
    <rPh sb="7" eb="9">
      <t>チナイ</t>
    </rPh>
    <rPh sb="9" eb="10">
      <t>ガイ</t>
    </rPh>
    <phoneticPr fontId="5"/>
  </si>
  <si>
    <t>茅ヶ崎市西久保～赤羽根地内</t>
    <rPh sb="0" eb="4">
      <t>チガサキシ</t>
    </rPh>
    <rPh sb="4" eb="7">
      <t>ニシクボ</t>
    </rPh>
    <rPh sb="8" eb="11">
      <t>アカバネ</t>
    </rPh>
    <rPh sb="11" eb="12">
      <t>チ</t>
    </rPh>
    <rPh sb="12" eb="13">
      <t>ナイ</t>
    </rPh>
    <phoneticPr fontId="5"/>
  </si>
  <si>
    <t>茅ヶ崎市西久保～鶴が台地内</t>
    <rPh sb="0" eb="4">
      <t>チガサキシ</t>
    </rPh>
    <rPh sb="4" eb="7">
      <t>ニシクボ</t>
    </rPh>
    <rPh sb="8" eb="9">
      <t>ツル</t>
    </rPh>
    <rPh sb="10" eb="11">
      <t>ダイ</t>
    </rPh>
    <rPh sb="11" eb="12">
      <t>チ</t>
    </rPh>
    <rPh sb="12" eb="13">
      <t>ナイ</t>
    </rPh>
    <phoneticPr fontId="5"/>
  </si>
  <si>
    <t>藤沢市鵠沼海岸四丁目地先外</t>
    <rPh sb="0" eb="3">
      <t>フジサワシ</t>
    </rPh>
    <rPh sb="3" eb="10">
      <t>クゲヌマカイガンヨンチョウメ</t>
    </rPh>
    <rPh sb="10" eb="12">
      <t>チサキ</t>
    </rPh>
    <rPh sb="12" eb="13">
      <t>ホカ</t>
    </rPh>
    <phoneticPr fontId="5"/>
  </si>
  <si>
    <t>藤沢市稲荷一丁目地先外</t>
    <rPh sb="0" eb="3">
      <t>フジサワシ</t>
    </rPh>
    <rPh sb="3" eb="5">
      <t>イナリ</t>
    </rPh>
    <rPh sb="5" eb="8">
      <t>イッチョウメ</t>
    </rPh>
    <rPh sb="8" eb="10">
      <t>チサキ</t>
    </rPh>
    <rPh sb="10" eb="11">
      <t>ホカ</t>
    </rPh>
    <phoneticPr fontId="5"/>
  </si>
  <si>
    <t>藤沢市鵠沼石上二丁目地内外</t>
    <rPh sb="0" eb="3">
      <t>フジサワシ</t>
    </rPh>
    <rPh sb="3" eb="10">
      <t>クゲヌマイシガミ２チョウメ</t>
    </rPh>
    <rPh sb="10" eb="11">
      <t>チ</t>
    </rPh>
    <rPh sb="11" eb="12">
      <t>ナイ</t>
    </rPh>
    <rPh sb="12" eb="13">
      <t>ホカ</t>
    </rPh>
    <phoneticPr fontId="5"/>
  </si>
  <si>
    <t>鎌倉市津地先外</t>
    <rPh sb="0" eb="3">
      <t>カマクラシ</t>
    </rPh>
    <rPh sb="3" eb="4">
      <t>ツ</t>
    </rPh>
    <rPh sb="4" eb="6">
      <t>チサキ</t>
    </rPh>
    <rPh sb="6" eb="7">
      <t>ホカ</t>
    </rPh>
    <phoneticPr fontId="5"/>
  </si>
  <si>
    <t>横浜市泉区上飯田町地先</t>
    <rPh sb="0" eb="3">
      <t>ヨコハマシ</t>
    </rPh>
    <rPh sb="3" eb="5">
      <t>イズミク</t>
    </rPh>
    <rPh sb="5" eb="11">
      <t>カミイイダマチチサキ</t>
    </rPh>
    <phoneticPr fontId="5"/>
  </si>
  <si>
    <t>横浜市泉区下飯田町地先外</t>
    <rPh sb="0" eb="3">
      <t>ヨコハマシ</t>
    </rPh>
    <rPh sb="3" eb="5">
      <t>イズミク</t>
    </rPh>
    <rPh sb="5" eb="8">
      <t>シモイイダ</t>
    </rPh>
    <rPh sb="8" eb="9">
      <t>マチ</t>
    </rPh>
    <rPh sb="9" eb="11">
      <t>チサキ</t>
    </rPh>
    <rPh sb="11" eb="12">
      <t>ホカ</t>
    </rPh>
    <phoneticPr fontId="5"/>
  </si>
  <si>
    <t>藤沢市片瀬二丁目地先外</t>
    <rPh sb="0" eb="3">
      <t>フジサワシ</t>
    </rPh>
    <rPh sb="3" eb="5">
      <t>カタセ</t>
    </rPh>
    <rPh sb="5" eb="8">
      <t>ニチョウメ</t>
    </rPh>
    <rPh sb="8" eb="10">
      <t>チサキ</t>
    </rPh>
    <rPh sb="10" eb="11">
      <t>ホカ</t>
    </rPh>
    <phoneticPr fontId="5"/>
  </si>
  <si>
    <t>鎌倉市腰越二丁目地先</t>
    <rPh sb="0" eb="3">
      <t>カマクラシ</t>
    </rPh>
    <rPh sb="3" eb="5">
      <t>コシゴエ</t>
    </rPh>
    <rPh sb="5" eb="8">
      <t>ニチョウメ</t>
    </rPh>
    <rPh sb="8" eb="10">
      <t>チサキ</t>
    </rPh>
    <phoneticPr fontId="5"/>
  </si>
  <si>
    <t>藤沢市川名一丁目地先外</t>
    <rPh sb="0" eb="2">
      <t>フジサワ</t>
    </rPh>
    <rPh sb="2" eb="3">
      <t>シ</t>
    </rPh>
    <rPh sb="3" eb="5">
      <t>カワナ</t>
    </rPh>
    <rPh sb="5" eb="8">
      <t>イッチョウメ</t>
    </rPh>
    <rPh sb="8" eb="10">
      <t>チサキ</t>
    </rPh>
    <rPh sb="10" eb="11">
      <t>ソト</t>
    </rPh>
    <phoneticPr fontId="5"/>
  </si>
  <si>
    <t>横浜市泉区下飯田町地先</t>
    <rPh sb="0" eb="3">
      <t>ヨコハマシ</t>
    </rPh>
    <rPh sb="3" eb="5">
      <t>イズミク</t>
    </rPh>
    <rPh sb="5" eb="8">
      <t>シモイイダ</t>
    </rPh>
    <rPh sb="8" eb="9">
      <t>マチ</t>
    </rPh>
    <rPh sb="9" eb="11">
      <t>チサキ</t>
    </rPh>
    <phoneticPr fontId="5"/>
  </si>
  <si>
    <t>鎌倉市笛田一丁目地先外</t>
  </si>
  <si>
    <t>鎌倉市浄明寺一丁目地内他</t>
    <rPh sb="0" eb="3">
      <t>カマクラシ</t>
    </rPh>
    <rPh sb="3" eb="6">
      <t>ジョウミョウジ</t>
    </rPh>
    <rPh sb="6" eb="9">
      <t>イッチョウメ</t>
    </rPh>
    <rPh sb="9" eb="11">
      <t>チナイ</t>
    </rPh>
    <rPh sb="11" eb="12">
      <t>ホカ</t>
    </rPh>
    <phoneticPr fontId="5"/>
  </si>
  <si>
    <t>鎌倉市山ノ内地内</t>
    <rPh sb="0" eb="3">
      <t>カマクラシ</t>
    </rPh>
    <rPh sb="3" eb="4">
      <t>ヤマ</t>
    </rPh>
    <rPh sb="5" eb="6">
      <t>ウチ</t>
    </rPh>
    <rPh sb="6" eb="8">
      <t>チナイ</t>
    </rPh>
    <phoneticPr fontId="5"/>
  </si>
  <si>
    <t>鎌倉市稲村ガ崎五丁目地内</t>
    <rPh sb="0" eb="3">
      <t>カマクラシ</t>
    </rPh>
    <rPh sb="3" eb="5">
      <t>イナムラ</t>
    </rPh>
    <rPh sb="7" eb="8">
      <t>ゴ</t>
    </rPh>
    <rPh sb="8" eb="10">
      <t>チョウメ</t>
    </rPh>
    <rPh sb="10" eb="12">
      <t>チナイ</t>
    </rPh>
    <phoneticPr fontId="5"/>
  </si>
  <si>
    <t>藤沢市大鋸三丁目地内</t>
    <rPh sb="0" eb="3">
      <t>フジサワシ</t>
    </rPh>
    <rPh sb="3" eb="5">
      <t>ダイギリ</t>
    </rPh>
    <rPh sb="5" eb="8">
      <t>サンチョウメ</t>
    </rPh>
    <rPh sb="8" eb="10">
      <t>チナイ</t>
    </rPh>
    <phoneticPr fontId="5"/>
  </si>
  <si>
    <t>藤沢市片瀬山一丁目地内</t>
    <rPh sb="0" eb="3">
      <t>フジサワシ</t>
    </rPh>
    <rPh sb="3" eb="5">
      <t>カタセ</t>
    </rPh>
    <rPh sb="5" eb="6">
      <t>ヤマ</t>
    </rPh>
    <rPh sb="6" eb="9">
      <t>イッチョウメ</t>
    </rPh>
    <rPh sb="9" eb="11">
      <t>チナイ</t>
    </rPh>
    <phoneticPr fontId="5"/>
  </si>
  <si>
    <t>茅ヶ崎市中海岸三丁目地先外</t>
  </si>
  <si>
    <t>藤沢市片瀬海岸一丁目～鵠沼海岸四丁目地先</t>
    <rPh sb="0" eb="2">
      <t>フジサワ</t>
    </rPh>
    <rPh sb="2" eb="3">
      <t>シ</t>
    </rPh>
    <rPh sb="3" eb="5">
      <t>カタセ</t>
    </rPh>
    <rPh sb="5" eb="7">
      <t>カイガン</t>
    </rPh>
    <rPh sb="7" eb="10">
      <t>イッチョウメ</t>
    </rPh>
    <rPh sb="11" eb="13">
      <t>クゲヌマ</t>
    </rPh>
    <rPh sb="13" eb="15">
      <t>カイガン</t>
    </rPh>
    <rPh sb="15" eb="18">
      <t>ヨンチョウメ</t>
    </rPh>
    <rPh sb="18" eb="20">
      <t>チサキ</t>
    </rPh>
    <phoneticPr fontId="5"/>
  </si>
  <si>
    <t>藤沢市片瀬海岸一丁目地先外</t>
  </si>
  <si>
    <t>茅ヶ崎市白浜町地先外</t>
  </si>
  <si>
    <t>茅ヶ崎市南湖六丁目地内</t>
    <rPh sb="0" eb="4">
      <t>チガサキシ</t>
    </rPh>
    <rPh sb="4" eb="6">
      <t>ナンコ</t>
    </rPh>
    <rPh sb="6" eb="7">
      <t>ロク</t>
    </rPh>
    <rPh sb="7" eb="9">
      <t>チョウメ</t>
    </rPh>
    <rPh sb="9" eb="11">
      <t>チナイ</t>
    </rPh>
    <phoneticPr fontId="5"/>
  </si>
  <si>
    <t>藤沢市鵠沼海岸一丁目地内他</t>
    <rPh sb="12" eb="13">
      <t>ホカ</t>
    </rPh>
    <phoneticPr fontId="5"/>
  </si>
  <si>
    <t>藤沢市辻堂西海岸三丁目地内</t>
    <rPh sb="0" eb="2">
      <t>フジサワ</t>
    </rPh>
    <rPh sb="2" eb="3">
      <t>シ</t>
    </rPh>
    <rPh sb="3" eb="5">
      <t>ツジドウ</t>
    </rPh>
    <rPh sb="5" eb="8">
      <t>ニシカイガン</t>
    </rPh>
    <rPh sb="8" eb="9">
      <t>サン</t>
    </rPh>
    <rPh sb="9" eb="11">
      <t>チョウメ</t>
    </rPh>
    <rPh sb="11" eb="12">
      <t>チ</t>
    </rPh>
    <rPh sb="12" eb="13">
      <t>ナイ</t>
    </rPh>
    <phoneticPr fontId="1"/>
  </si>
  <si>
    <t>藤沢市鵠沼海岸二丁目地内</t>
    <rPh sb="0" eb="2">
      <t>フジサワ</t>
    </rPh>
    <rPh sb="2" eb="3">
      <t>シ</t>
    </rPh>
    <rPh sb="3" eb="5">
      <t>クゲヌマ</t>
    </rPh>
    <rPh sb="5" eb="7">
      <t>カイガン</t>
    </rPh>
    <rPh sb="7" eb="8">
      <t>ニ</t>
    </rPh>
    <rPh sb="8" eb="10">
      <t>チョウメ</t>
    </rPh>
    <rPh sb="10" eb="11">
      <t>チ</t>
    </rPh>
    <rPh sb="11" eb="12">
      <t>ナイ</t>
    </rPh>
    <phoneticPr fontId="1"/>
  </si>
  <si>
    <t>藤沢市藤ヶ谷二丁目外（境川橋）</t>
    <rPh sb="0" eb="3">
      <t>フジサワシ</t>
    </rPh>
    <rPh sb="3" eb="6">
      <t>フジガヤ</t>
    </rPh>
    <rPh sb="6" eb="9">
      <t>ニチョウメ</t>
    </rPh>
    <rPh sb="9" eb="10">
      <t>ソト</t>
    </rPh>
    <rPh sb="11" eb="12">
      <t>サカイ</t>
    </rPh>
    <rPh sb="12" eb="13">
      <t>ガワ</t>
    </rPh>
    <rPh sb="13" eb="14">
      <t>ハシ</t>
    </rPh>
    <phoneticPr fontId="5"/>
  </si>
  <si>
    <t>鎌倉市材木座五丁目外（滑川橋）</t>
    <rPh sb="0" eb="3">
      <t>カマクラシ</t>
    </rPh>
    <rPh sb="3" eb="6">
      <t>ザイモクザ</t>
    </rPh>
    <rPh sb="6" eb="9">
      <t>５チョウメ</t>
    </rPh>
    <rPh sb="9" eb="10">
      <t>ホカ</t>
    </rPh>
    <rPh sb="11" eb="13">
      <t>ナメリカワ</t>
    </rPh>
    <rPh sb="13" eb="14">
      <t>バシ</t>
    </rPh>
    <phoneticPr fontId="5"/>
  </si>
  <si>
    <t>藤沢市高倉外</t>
    <rPh sb="0" eb="2">
      <t>フジサワ</t>
    </rPh>
    <rPh sb="2" eb="3">
      <t>シ</t>
    </rPh>
    <rPh sb="3" eb="5">
      <t>タカクラ</t>
    </rPh>
    <rPh sb="5" eb="6">
      <t>ホカ</t>
    </rPh>
    <phoneticPr fontId="5"/>
  </si>
  <si>
    <t>鎌倉市十二所</t>
    <rPh sb="0" eb="2">
      <t>カマクラ</t>
    </rPh>
    <rPh sb="2" eb="3">
      <t>シ</t>
    </rPh>
    <rPh sb="3" eb="6">
      <t>ジュウニソ</t>
    </rPh>
    <phoneticPr fontId="5"/>
  </si>
  <si>
    <t>鎌倉市植木</t>
    <rPh sb="0" eb="2">
      <t>カマクラ</t>
    </rPh>
    <rPh sb="2" eb="3">
      <t>シ</t>
    </rPh>
    <rPh sb="3" eb="5">
      <t>ウエキ</t>
    </rPh>
    <phoneticPr fontId="5"/>
  </si>
  <si>
    <t>藤沢市鵠沼海岸一丁目（潮風の通り径ポンプ場）</t>
    <rPh sb="0" eb="3">
      <t>フジサワシ</t>
    </rPh>
    <rPh sb="3" eb="5">
      <t>クゲヌマ</t>
    </rPh>
    <rPh sb="5" eb="7">
      <t>カイガン</t>
    </rPh>
    <rPh sb="7" eb="10">
      <t>１チョウメ</t>
    </rPh>
    <rPh sb="11" eb="12">
      <t>シオ</t>
    </rPh>
    <rPh sb="12" eb="13">
      <t>カゼ</t>
    </rPh>
    <rPh sb="14" eb="15">
      <t>トオ</t>
    </rPh>
    <rPh sb="16" eb="17">
      <t>ミチ</t>
    </rPh>
    <rPh sb="20" eb="21">
      <t>ジョウ</t>
    </rPh>
    <phoneticPr fontId="5"/>
  </si>
  <si>
    <t>茅ヶ崎市下町屋一丁目地先外</t>
  </si>
  <si>
    <t>藤沢市打戻地先外</t>
  </si>
  <si>
    <t>藤沢市片瀬海岸一丁目地内外</t>
    <rPh sb="0" eb="2">
      <t>フジサワ</t>
    </rPh>
    <rPh sb="2" eb="3">
      <t>シ</t>
    </rPh>
    <rPh sb="3" eb="5">
      <t>カタセ</t>
    </rPh>
    <rPh sb="5" eb="7">
      <t>カイガン</t>
    </rPh>
    <rPh sb="7" eb="10">
      <t>イッチョウメ</t>
    </rPh>
    <rPh sb="10" eb="11">
      <t>チ</t>
    </rPh>
    <rPh sb="11" eb="12">
      <t>ナイ</t>
    </rPh>
    <rPh sb="12" eb="13">
      <t>ホカ</t>
    </rPh>
    <phoneticPr fontId="5"/>
  </si>
  <si>
    <t>茅ヶ崎市東海岸南一丁目地内外</t>
    <rPh sb="0" eb="4">
      <t>チガサキシ</t>
    </rPh>
    <rPh sb="4" eb="5">
      <t>ヒガシ</t>
    </rPh>
    <rPh sb="5" eb="7">
      <t>カイガン</t>
    </rPh>
    <rPh sb="7" eb="8">
      <t>ミナミ</t>
    </rPh>
    <rPh sb="8" eb="11">
      <t>イッチョウメ</t>
    </rPh>
    <rPh sb="11" eb="12">
      <t>チ</t>
    </rPh>
    <rPh sb="12" eb="13">
      <t>ナイ</t>
    </rPh>
    <rPh sb="13" eb="14">
      <t>ガイ</t>
    </rPh>
    <phoneticPr fontId="15"/>
  </si>
  <si>
    <t>藤沢市鵠沼海岸四丁目～茅ヶ崎市柳島地内</t>
    <rPh sb="0" eb="2">
      <t>フジサワ</t>
    </rPh>
    <rPh sb="2" eb="3">
      <t>シ</t>
    </rPh>
    <rPh sb="3" eb="5">
      <t>クゲヌマ</t>
    </rPh>
    <rPh sb="5" eb="7">
      <t>カイガン</t>
    </rPh>
    <rPh sb="7" eb="8">
      <t>ヨン</t>
    </rPh>
    <rPh sb="8" eb="10">
      <t>チョウメ</t>
    </rPh>
    <rPh sb="11" eb="15">
      <t>チガサキシ</t>
    </rPh>
    <rPh sb="15" eb="17">
      <t>ヤナギシマ</t>
    </rPh>
    <rPh sb="17" eb="19">
      <t>チナイ</t>
    </rPh>
    <phoneticPr fontId="5"/>
  </si>
  <si>
    <t>厚木市長谷地内</t>
    <rPh sb="0" eb="3">
      <t>アツギシ</t>
    </rPh>
    <rPh sb="3" eb="5">
      <t>ハセ</t>
    </rPh>
    <rPh sb="5" eb="6">
      <t>チ</t>
    </rPh>
    <rPh sb="6" eb="7">
      <t>ナイ</t>
    </rPh>
    <phoneticPr fontId="8"/>
  </si>
  <si>
    <t>愛川町角田地内</t>
    <rPh sb="0" eb="3">
      <t>アイカワマチ</t>
    </rPh>
    <rPh sb="3" eb="5">
      <t>スミダ</t>
    </rPh>
    <rPh sb="5" eb="6">
      <t>チ</t>
    </rPh>
    <rPh sb="6" eb="7">
      <t>ナイ</t>
    </rPh>
    <phoneticPr fontId="8"/>
  </si>
  <si>
    <t>厚木市戸室1丁目地内</t>
    <rPh sb="0" eb="3">
      <t>アツギシ</t>
    </rPh>
    <rPh sb="3" eb="5">
      <t>トムロ</t>
    </rPh>
    <rPh sb="6" eb="8">
      <t>チョウメ</t>
    </rPh>
    <rPh sb="8" eb="10">
      <t>チナイ</t>
    </rPh>
    <phoneticPr fontId="21"/>
  </si>
  <si>
    <t>厚木市関口　地内</t>
    <rPh sb="6" eb="7">
      <t>チ</t>
    </rPh>
    <rPh sb="7" eb="8">
      <t>ナイ</t>
    </rPh>
    <phoneticPr fontId="5"/>
  </si>
  <si>
    <t>厚木市中荻野地先</t>
  </si>
  <si>
    <t>愛川町半原地先</t>
    <rPh sb="0" eb="3">
      <t>アイカワマチ</t>
    </rPh>
    <rPh sb="3" eb="5">
      <t>ハンバラ</t>
    </rPh>
    <rPh sb="5" eb="7">
      <t>チサキ</t>
    </rPh>
    <phoneticPr fontId="8"/>
  </si>
  <si>
    <t>厚木市長谷地内</t>
    <rPh sb="0" eb="2">
      <t>アツギ</t>
    </rPh>
    <rPh sb="2" eb="3">
      <t>シ</t>
    </rPh>
    <rPh sb="3" eb="5">
      <t>ハセ</t>
    </rPh>
    <rPh sb="5" eb="6">
      <t>チ</t>
    </rPh>
    <rPh sb="6" eb="7">
      <t>ナイ</t>
    </rPh>
    <phoneticPr fontId="21"/>
  </si>
  <si>
    <t>厚木市下荻野地内</t>
    <rPh sb="0" eb="3">
      <t>アツギシ</t>
    </rPh>
    <rPh sb="3" eb="4">
      <t>シモ</t>
    </rPh>
    <rPh sb="4" eb="6">
      <t>オギノ</t>
    </rPh>
    <rPh sb="6" eb="8">
      <t>チナイ</t>
    </rPh>
    <phoneticPr fontId="21"/>
  </si>
  <si>
    <t>厚木市飯山地内</t>
    <rPh sb="0" eb="3">
      <t>アツギシ</t>
    </rPh>
    <rPh sb="3" eb="5">
      <t>イイヤマ</t>
    </rPh>
    <rPh sb="5" eb="6">
      <t>チ</t>
    </rPh>
    <rPh sb="6" eb="7">
      <t>ナイ</t>
    </rPh>
    <phoneticPr fontId="21"/>
  </si>
  <si>
    <t>清川村宮ヶ瀬地内</t>
    <rPh sb="0" eb="3">
      <t>キヨカワムラ</t>
    </rPh>
    <rPh sb="3" eb="6">
      <t>ミヤガセ</t>
    </rPh>
    <rPh sb="6" eb="7">
      <t>チ</t>
    </rPh>
    <rPh sb="7" eb="8">
      <t>ナイ</t>
    </rPh>
    <phoneticPr fontId="8"/>
  </si>
  <si>
    <t>厚木市旭町三丁目地内他</t>
    <rPh sb="0" eb="3">
      <t>アツギシ</t>
    </rPh>
    <rPh sb="3" eb="4">
      <t>アサヒ</t>
    </rPh>
    <rPh sb="4" eb="5">
      <t>マチ</t>
    </rPh>
    <rPh sb="5" eb="8">
      <t>サンチョウメ</t>
    </rPh>
    <rPh sb="8" eb="10">
      <t>チナイ</t>
    </rPh>
    <rPh sb="10" eb="11">
      <t>ホカ</t>
    </rPh>
    <phoneticPr fontId="21"/>
  </si>
  <si>
    <t>厚木市岡田三丁目地内他</t>
    <rPh sb="0" eb="2">
      <t>アツギ</t>
    </rPh>
    <rPh sb="2" eb="3">
      <t>シ</t>
    </rPh>
    <rPh sb="3" eb="5">
      <t>オカダ</t>
    </rPh>
    <rPh sb="5" eb="8">
      <t>サンチョウメ</t>
    </rPh>
    <rPh sb="8" eb="9">
      <t>チ</t>
    </rPh>
    <rPh sb="9" eb="10">
      <t>ナイ</t>
    </rPh>
    <rPh sb="10" eb="11">
      <t>ホカ</t>
    </rPh>
    <phoneticPr fontId="21"/>
  </si>
  <si>
    <t>厚木市金田地内</t>
    <rPh sb="0" eb="3">
      <t>アツギシ</t>
    </rPh>
    <rPh sb="3" eb="5">
      <t>カネダ</t>
    </rPh>
    <rPh sb="5" eb="6">
      <t>チ</t>
    </rPh>
    <rPh sb="6" eb="7">
      <t>ナイ</t>
    </rPh>
    <phoneticPr fontId="8"/>
  </si>
  <si>
    <t>厚木市七沢地内</t>
    <rPh sb="0" eb="3">
      <t>アツギシ</t>
    </rPh>
    <rPh sb="3" eb="5">
      <t>ナナサワ</t>
    </rPh>
    <rPh sb="5" eb="6">
      <t>チ</t>
    </rPh>
    <rPh sb="6" eb="7">
      <t>ナイ</t>
    </rPh>
    <phoneticPr fontId="8"/>
  </si>
  <si>
    <t>厚木市小野　地先</t>
    <rPh sb="0" eb="3">
      <t>アツギシ</t>
    </rPh>
    <rPh sb="3" eb="5">
      <t>オノ</t>
    </rPh>
    <rPh sb="6" eb="8">
      <t>チサキ</t>
    </rPh>
    <phoneticPr fontId="21"/>
  </si>
  <si>
    <t>厚木市船子地先</t>
  </si>
  <si>
    <t>厚木市酒井地先</t>
    <rPh sb="0" eb="3">
      <t>アツギシ</t>
    </rPh>
    <rPh sb="3" eb="5">
      <t>サカイ</t>
    </rPh>
    <rPh sb="5" eb="7">
      <t>チサキ</t>
    </rPh>
    <phoneticPr fontId="8"/>
  </si>
  <si>
    <t>厚木市林一丁目地先</t>
    <rPh sb="3" eb="4">
      <t>ハヤシ</t>
    </rPh>
    <rPh sb="4" eb="7">
      <t>イッチョウメ</t>
    </rPh>
    <rPh sb="7" eb="9">
      <t>チサキ</t>
    </rPh>
    <phoneticPr fontId="21"/>
  </si>
  <si>
    <t>厚木市金田地内他（第一鮎津橋）</t>
    <rPh sb="9" eb="11">
      <t>ダイイチ</t>
    </rPh>
    <rPh sb="11" eb="12">
      <t>アユ</t>
    </rPh>
    <rPh sb="12" eb="13">
      <t>ツ</t>
    </rPh>
    <rPh sb="13" eb="14">
      <t>バシ</t>
    </rPh>
    <phoneticPr fontId="5"/>
  </si>
  <si>
    <t>厚木市上荻野地内</t>
    <rPh sb="0" eb="2">
      <t>アツギ</t>
    </rPh>
    <rPh sb="2" eb="3">
      <t>シ</t>
    </rPh>
    <rPh sb="3" eb="4">
      <t>カミ</t>
    </rPh>
    <rPh sb="4" eb="6">
      <t>オギノ</t>
    </rPh>
    <rPh sb="6" eb="7">
      <t>チ</t>
    </rPh>
    <rPh sb="7" eb="8">
      <t>ナイ</t>
    </rPh>
    <phoneticPr fontId="21"/>
  </si>
  <si>
    <t>厚木市愛甲東二丁目地内他</t>
    <rPh sb="0" eb="2">
      <t>アツギ</t>
    </rPh>
    <rPh sb="2" eb="3">
      <t>シ</t>
    </rPh>
    <rPh sb="3" eb="5">
      <t>アイコウ</t>
    </rPh>
    <rPh sb="5" eb="6">
      <t>ヒガシ</t>
    </rPh>
    <rPh sb="6" eb="9">
      <t>ニチョウメ</t>
    </rPh>
    <rPh sb="9" eb="10">
      <t>チ</t>
    </rPh>
    <rPh sb="10" eb="11">
      <t>ナイ</t>
    </rPh>
    <rPh sb="11" eb="12">
      <t>ホカ</t>
    </rPh>
    <phoneticPr fontId="21"/>
  </si>
  <si>
    <t>厚木市酒井地先外</t>
    <rPh sb="0" eb="3">
      <t>アツギシ</t>
    </rPh>
    <rPh sb="3" eb="5">
      <t>サカイ</t>
    </rPh>
    <rPh sb="5" eb="7">
      <t>チサキ</t>
    </rPh>
    <rPh sb="7" eb="8">
      <t>ホカ</t>
    </rPh>
    <phoneticPr fontId="8"/>
  </si>
  <si>
    <t>愛川町田代地先　外</t>
    <rPh sb="0" eb="3">
      <t>アイカワマチ</t>
    </rPh>
    <rPh sb="3" eb="7">
      <t>タシロチサキ</t>
    </rPh>
    <rPh sb="8" eb="9">
      <t>ホカ</t>
    </rPh>
    <phoneticPr fontId="8"/>
  </si>
  <si>
    <t>愛甲郡愛川町半原地内</t>
    <rPh sb="0" eb="2">
      <t>アイコウ</t>
    </rPh>
    <rPh sb="2" eb="3">
      <t>グン</t>
    </rPh>
    <rPh sb="3" eb="6">
      <t>アイカワマチ</t>
    </rPh>
    <rPh sb="6" eb="8">
      <t>ハンバラ</t>
    </rPh>
    <rPh sb="8" eb="9">
      <t>チ</t>
    </rPh>
    <rPh sb="9" eb="10">
      <t>ナイ</t>
    </rPh>
    <phoneticPr fontId="21"/>
  </si>
  <si>
    <t>厚木市戸田地内</t>
    <rPh sb="0" eb="2">
      <t>アツギ</t>
    </rPh>
    <rPh sb="2" eb="3">
      <t>シ</t>
    </rPh>
    <rPh sb="3" eb="5">
      <t>トダ</t>
    </rPh>
    <rPh sb="5" eb="6">
      <t>チ</t>
    </rPh>
    <rPh sb="6" eb="7">
      <t>ナイ</t>
    </rPh>
    <phoneticPr fontId="8"/>
  </si>
  <si>
    <t>厚木市森の里三丁目　地内外</t>
    <rPh sb="0" eb="3">
      <t>アツギシ</t>
    </rPh>
    <rPh sb="3" eb="4">
      <t>モリ</t>
    </rPh>
    <rPh sb="5" eb="6">
      <t>サト</t>
    </rPh>
    <rPh sb="6" eb="9">
      <t>サンチョウメ</t>
    </rPh>
    <rPh sb="10" eb="11">
      <t>チ</t>
    </rPh>
    <rPh sb="11" eb="12">
      <t>ナイ</t>
    </rPh>
    <rPh sb="12" eb="13">
      <t>ガイ</t>
    </rPh>
    <phoneticPr fontId="8"/>
  </si>
  <si>
    <t>厚木市妻田南一丁目地内他（堺橋）</t>
    <rPh sb="0" eb="2">
      <t>アツギ</t>
    </rPh>
    <rPh sb="2" eb="3">
      <t>シ</t>
    </rPh>
    <rPh sb="3" eb="5">
      <t>ツマダ</t>
    </rPh>
    <rPh sb="5" eb="6">
      <t>ミナミ</t>
    </rPh>
    <rPh sb="6" eb="9">
      <t>イッチョウメ</t>
    </rPh>
    <rPh sb="9" eb="10">
      <t>チ</t>
    </rPh>
    <rPh sb="10" eb="11">
      <t>ナイ</t>
    </rPh>
    <rPh sb="11" eb="12">
      <t>ホカ</t>
    </rPh>
    <rPh sb="13" eb="14">
      <t>サカイ</t>
    </rPh>
    <rPh sb="14" eb="15">
      <t>ハシ</t>
    </rPh>
    <phoneticPr fontId="8"/>
  </si>
  <si>
    <t>清川村宮ヶ瀬地内（大棚沢橋他）</t>
    <rPh sb="0" eb="3">
      <t>キヨカワムラ</t>
    </rPh>
    <rPh sb="3" eb="6">
      <t>ミヤガセ</t>
    </rPh>
    <rPh sb="6" eb="7">
      <t>チ</t>
    </rPh>
    <rPh sb="7" eb="8">
      <t>ナイ</t>
    </rPh>
    <rPh sb="9" eb="10">
      <t>オオ</t>
    </rPh>
    <rPh sb="10" eb="12">
      <t>タナサワ</t>
    </rPh>
    <rPh sb="12" eb="13">
      <t>ハシ</t>
    </rPh>
    <rPh sb="13" eb="14">
      <t>ホカ</t>
    </rPh>
    <phoneticPr fontId="8"/>
  </si>
  <si>
    <t>厚木市七沢地内</t>
    <rPh sb="0" eb="2">
      <t>アツギ</t>
    </rPh>
    <rPh sb="2" eb="3">
      <t>シ</t>
    </rPh>
    <rPh sb="3" eb="5">
      <t>ナナサワ</t>
    </rPh>
    <rPh sb="5" eb="6">
      <t>チ</t>
    </rPh>
    <rPh sb="6" eb="7">
      <t>ナイ</t>
    </rPh>
    <phoneticPr fontId="8"/>
  </si>
  <si>
    <t>清川村宮ヶ瀬地内他（上村橋他）</t>
    <rPh sb="0" eb="3">
      <t>キヨカワムラ</t>
    </rPh>
    <rPh sb="3" eb="6">
      <t>ミヤガセ</t>
    </rPh>
    <rPh sb="6" eb="7">
      <t>チ</t>
    </rPh>
    <rPh sb="7" eb="8">
      <t>ナイ</t>
    </rPh>
    <rPh sb="8" eb="9">
      <t>ホカ</t>
    </rPh>
    <rPh sb="10" eb="12">
      <t>ウエムラ</t>
    </rPh>
    <rPh sb="12" eb="13">
      <t>ハシ</t>
    </rPh>
    <rPh sb="13" eb="14">
      <t>ホカ</t>
    </rPh>
    <phoneticPr fontId="21"/>
  </si>
  <si>
    <t>厚木市山際地内他</t>
    <rPh sb="0" eb="2">
      <t>アツギ</t>
    </rPh>
    <rPh sb="2" eb="3">
      <t>シ</t>
    </rPh>
    <rPh sb="3" eb="5">
      <t>ヤマギワ</t>
    </rPh>
    <rPh sb="5" eb="6">
      <t>チ</t>
    </rPh>
    <rPh sb="6" eb="7">
      <t>ナイ</t>
    </rPh>
    <rPh sb="7" eb="8">
      <t>ホカ</t>
    </rPh>
    <phoneticPr fontId="8"/>
  </si>
  <si>
    <t>厚木市関口地内</t>
    <rPh sb="0" eb="2">
      <t>アツギ</t>
    </rPh>
    <rPh sb="2" eb="3">
      <t>シ</t>
    </rPh>
    <rPh sb="3" eb="5">
      <t>セキグチ</t>
    </rPh>
    <rPh sb="5" eb="6">
      <t>チ</t>
    </rPh>
    <rPh sb="6" eb="7">
      <t>ナイ</t>
    </rPh>
    <phoneticPr fontId="8"/>
  </si>
  <si>
    <t>厚木市戸田地内他</t>
    <rPh sb="0" eb="2">
      <t>アツギ</t>
    </rPh>
    <rPh sb="2" eb="3">
      <t>シ</t>
    </rPh>
    <rPh sb="3" eb="5">
      <t>トダ</t>
    </rPh>
    <rPh sb="5" eb="6">
      <t>チ</t>
    </rPh>
    <rPh sb="6" eb="7">
      <t>ナイ</t>
    </rPh>
    <rPh sb="7" eb="8">
      <t>ホカ</t>
    </rPh>
    <phoneticPr fontId="8"/>
  </si>
  <si>
    <t>清川村煤ケ谷地内</t>
  </si>
  <si>
    <t>厚木市船子地内他</t>
    <rPh sb="0" eb="2">
      <t>アツギ</t>
    </rPh>
    <rPh sb="2" eb="3">
      <t>シ</t>
    </rPh>
    <rPh sb="3" eb="5">
      <t>フナコ</t>
    </rPh>
    <rPh sb="5" eb="6">
      <t>チ</t>
    </rPh>
    <rPh sb="6" eb="7">
      <t>ナイ</t>
    </rPh>
    <rPh sb="7" eb="8">
      <t>ホカ</t>
    </rPh>
    <phoneticPr fontId="8"/>
  </si>
  <si>
    <t>厚木市及川地内他</t>
    <rPh sb="0" eb="3">
      <t>アツギシ</t>
    </rPh>
    <rPh sb="3" eb="5">
      <t>オイカワ</t>
    </rPh>
    <rPh sb="5" eb="7">
      <t>チナイ</t>
    </rPh>
    <rPh sb="7" eb="8">
      <t>ホカ</t>
    </rPh>
    <phoneticPr fontId="8"/>
  </si>
  <si>
    <t>愛川町中津地内他</t>
    <rPh sb="0" eb="3">
      <t>アイカワマチ</t>
    </rPh>
    <rPh sb="3" eb="5">
      <t>ナカツ</t>
    </rPh>
    <rPh sb="5" eb="7">
      <t>チナイ</t>
    </rPh>
    <rPh sb="7" eb="8">
      <t>ホカ</t>
    </rPh>
    <phoneticPr fontId="8"/>
  </si>
  <si>
    <t>清川村宮ヶ瀬地内他（石小屋トンネル他）</t>
    <rPh sb="0" eb="3">
      <t>キヨカワムラ</t>
    </rPh>
    <rPh sb="3" eb="6">
      <t>ミヤガセ</t>
    </rPh>
    <rPh sb="6" eb="7">
      <t>チ</t>
    </rPh>
    <rPh sb="7" eb="8">
      <t>ナイ</t>
    </rPh>
    <rPh sb="8" eb="9">
      <t>ホカ</t>
    </rPh>
    <rPh sb="10" eb="11">
      <t>イシ</t>
    </rPh>
    <rPh sb="11" eb="13">
      <t>ゴヤ</t>
    </rPh>
    <rPh sb="17" eb="18">
      <t>ホカ</t>
    </rPh>
    <phoneticPr fontId="8"/>
  </si>
  <si>
    <t>厚木市上依知地内</t>
    <rPh sb="0" eb="2">
      <t>アツギ</t>
    </rPh>
    <rPh sb="2" eb="3">
      <t>シ</t>
    </rPh>
    <rPh sb="3" eb="6">
      <t>カミエチ</t>
    </rPh>
    <rPh sb="6" eb="7">
      <t>チ</t>
    </rPh>
    <rPh sb="7" eb="8">
      <t>ナイ</t>
    </rPh>
    <phoneticPr fontId="8"/>
  </si>
  <si>
    <t>清川村煤ケ谷地内</t>
    <rPh sb="0" eb="6">
      <t>キヨカワムラススガヤ</t>
    </rPh>
    <rPh sb="6" eb="8">
      <t>チナイ</t>
    </rPh>
    <phoneticPr fontId="0"/>
  </si>
  <si>
    <t>清川村煤ヶ谷地内</t>
    <rPh sb="0" eb="3">
      <t>キヨカワムラ</t>
    </rPh>
    <rPh sb="3" eb="6">
      <t>ススガヤ</t>
    </rPh>
    <rPh sb="6" eb="7">
      <t>チ</t>
    </rPh>
    <rPh sb="7" eb="8">
      <t>ナイ</t>
    </rPh>
    <phoneticPr fontId="8"/>
  </si>
  <si>
    <t>厚木市関口　地内</t>
    <rPh sb="0" eb="3">
      <t>アツギシ</t>
    </rPh>
    <rPh sb="3" eb="5">
      <t>セキグチ</t>
    </rPh>
    <rPh sb="6" eb="7">
      <t>チ</t>
    </rPh>
    <rPh sb="7" eb="8">
      <t>ナイ</t>
    </rPh>
    <phoneticPr fontId="8"/>
  </si>
  <si>
    <t>厚木市下川入地内</t>
    <rPh sb="0" eb="3">
      <t>アツギシ</t>
    </rPh>
    <rPh sb="3" eb="6">
      <t>シモカワイリ</t>
    </rPh>
    <rPh sb="6" eb="7">
      <t>チ</t>
    </rPh>
    <rPh sb="7" eb="8">
      <t>ナイ</t>
    </rPh>
    <phoneticPr fontId="21"/>
  </si>
  <si>
    <t>厚木市上依知地先　他</t>
    <rPh sb="0" eb="3">
      <t>アツギシ</t>
    </rPh>
    <rPh sb="3" eb="4">
      <t>カミ</t>
    </rPh>
    <rPh sb="4" eb="6">
      <t>エチ</t>
    </rPh>
    <rPh sb="6" eb="8">
      <t>チサキ</t>
    </rPh>
    <rPh sb="9" eb="10">
      <t>ホカ</t>
    </rPh>
    <phoneticPr fontId="8"/>
  </si>
  <si>
    <t>清川村宮ヶ瀬地内</t>
  </si>
  <si>
    <t>厚木市関口地内（座架依橋右岸高架橋）</t>
    <rPh sb="0" eb="3">
      <t>アツギシ</t>
    </rPh>
    <rPh sb="3" eb="5">
      <t>セキグチ</t>
    </rPh>
    <rPh sb="5" eb="6">
      <t>チ</t>
    </rPh>
    <rPh sb="6" eb="7">
      <t>ナイ</t>
    </rPh>
    <rPh sb="8" eb="9">
      <t>ザ</t>
    </rPh>
    <rPh sb="9" eb="10">
      <t>カ</t>
    </rPh>
    <rPh sb="10" eb="11">
      <t>ヨ</t>
    </rPh>
    <rPh sb="11" eb="12">
      <t>ハシ</t>
    </rPh>
    <rPh sb="12" eb="14">
      <t>ウガン</t>
    </rPh>
    <rPh sb="14" eb="17">
      <t>コウカキョウ</t>
    </rPh>
    <phoneticPr fontId="21"/>
  </si>
  <si>
    <t>厚木市戸田地内（戸沢橋）</t>
    <rPh sb="0" eb="2">
      <t>アツギ</t>
    </rPh>
    <rPh sb="2" eb="3">
      <t>シ</t>
    </rPh>
    <rPh sb="3" eb="5">
      <t>トダ</t>
    </rPh>
    <rPh sb="5" eb="6">
      <t>チ</t>
    </rPh>
    <rPh sb="6" eb="7">
      <t>ナイ</t>
    </rPh>
    <rPh sb="8" eb="10">
      <t>トザワ</t>
    </rPh>
    <rPh sb="10" eb="11">
      <t>バシ</t>
    </rPh>
    <phoneticPr fontId="8"/>
  </si>
  <si>
    <t>厚木市戸田地内【戸沢橋】</t>
    <rPh sb="0" eb="2">
      <t>アツギ</t>
    </rPh>
    <rPh sb="2" eb="3">
      <t>シ</t>
    </rPh>
    <rPh sb="3" eb="5">
      <t>トダ</t>
    </rPh>
    <rPh sb="5" eb="6">
      <t>チ</t>
    </rPh>
    <rPh sb="6" eb="7">
      <t>ナイ</t>
    </rPh>
    <rPh sb="8" eb="10">
      <t>トザワ</t>
    </rPh>
    <rPh sb="10" eb="11">
      <t>バシ</t>
    </rPh>
    <phoneticPr fontId="8"/>
  </si>
  <si>
    <t>厚木市妻田南一丁目地内他（堺橋）</t>
    <rPh sb="0" eb="2">
      <t>アツギ</t>
    </rPh>
    <rPh sb="2" eb="3">
      <t>シ</t>
    </rPh>
    <rPh sb="3" eb="5">
      <t>ツマダ</t>
    </rPh>
    <rPh sb="5" eb="6">
      <t>ミナミ</t>
    </rPh>
    <rPh sb="6" eb="9">
      <t>イッチョウメ</t>
    </rPh>
    <rPh sb="9" eb="10">
      <t>チ</t>
    </rPh>
    <rPh sb="10" eb="11">
      <t>ナイ</t>
    </rPh>
    <rPh sb="11" eb="12">
      <t>ホカ</t>
    </rPh>
    <rPh sb="13" eb="14">
      <t>サカイ</t>
    </rPh>
    <rPh sb="14" eb="15">
      <t>バシ</t>
    </rPh>
    <phoneticPr fontId="8"/>
  </si>
  <si>
    <t>愛川町田代地内</t>
    <rPh sb="0" eb="3">
      <t>アイカワマチ</t>
    </rPh>
    <rPh sb="3" eb="5">
      <t>タシロ</t>
    </rPh>
    <rPh sb="5" eb="6">
      <t>チ</t>
    </rPh>
    <rPh sb="6" eb="7">
      <t>ナイ</t>
    </rPh>
    <phoneticPr fontId="8"/>
  </si>
  <si>
    <t>厚木市愛名地内</t>
    <rPh sb="0" eb="2">
      <t>アツギ</t>
    </rPh>
    <rPh sb="2" eb="3">
      <t>シ</t>
    </rPh>
    <rPh sb="3" eb="5">
      <t>アイナ</t>
    </rPh>
    <rPh sb="5" eb="6">
      <t>チ</t>
    </rPh>
    <rPh sb="6" eb="7">
      <t>ナイ</t>
    </rPh>
    <phoneticPr fontId="21"/>
  </si>
  <si>
    <t>清川村煤ヶ谷地内【古在家バイパス本線部】</t>
    <rPh sb="0" eb="3">
      <t>キヨカワムラ</t>
    </rPh>
    <rPh sb="3" eb="6">
      <t>ススガヤ</t>
    </rPh>
    <rPh sb="6" eb="7">
      <t>チ</t>
    </rPh>
    <rPh sb="7" eb="8">
      <t>ナイ</t>
    </rPh>
    <rPh sb="9" eb="12">
      <t>コザイケ</t>
    </rPh>
    <rPh sb="16" eb="18">
      <t>ホンセン</t>
    </rPh>
    <rPh sb="18" eb="19">
      <t>ブ</t>
    </rPh>
    <phoneticPr fontId="21"/>
  </si>
  <si>
    <t>愛甲郡愛川町半原地内</t>
    <rPh sb="0" eb="2">
      <t>アイコウ</t>
    </rPh>
    <rPh sb="2" eb="3">
      <t>グン</t>
    </rPh>
    <rPh sb="3" eb="5">
      <t>アイカワ</t>
    </rPh>
    <rPh sb="5" eb="6">
      <t>マチ</t>
    </rPh>
    <rPh sb="6" eb="8">
      <t>ハンバラ</t>
    </rPh>
    <rPh sb="8" eb="9">
      <t>チ</t>
    </rPh>
    <rPh sb="9" eb="10">
      <t>ナイ</t>
    </rPh>
    <phoneticPr fontId="8"/>
  </si>
  <si>
    <t>愛川町半原地内</t>
    <rPh sb="0" eb="2">
      <t>アイカワ</t>
    </rPh>
    <rPh sb="2" eb="3">
      <t>マチ</t>
    </rPh>
    <rPh sb="3" eb="5">
      <t>ハンバラ</t>
    </rPh>
    <rPh sb="5" eb="6">
      <t>チ</t>
    </rPh>
    <rPh sb="6" eb="7">
      <t>ナイ</t>
    </rPh>
    <phoneticPr fontId="8"/>
  </si>
  <si>
    <t>愛川町半原地内【南駐車場トイレ】</t>
    <rPh sb="0" eb="2">
      <t>アイカワ</t>
    </rPh>
    <rPh sb="2" eb="3">
      <t>マチ</t>
    </rPh>
    <rPh sb="3" eb="5">
      <t>ハンバラ</t>
    </rPh>
    <rPh sb="5" eb="6">
      <t>チ</t>
    </rPh>
    <rPh sb="6" eb="7">
      <t>ナイ</t>
    </rPh>
    <rPh sb="8" eb="9">
      <t>ミナミ</t>
    </rPh>
    <rPh sb="9" eb="11">
      <t>チュウシャ</t>
    </rPh>
    <rPh sb="11" eb="12">
      <t>ジョウ</t>
    </rPh>
    <phoneticPr fontId="8"/>
  </si>
  <si>
    <t>厚木市船子地先</t>
    <rPh sb="0" eb="3">
      <t>アツギシ</t>
    </rPh>
    <rPh sb="3" eb="5">
      <t>フナコ</t>
    </rPh>
    <rPh sb="5" eb="6">
      <t>チ</t>
    </rPh>
    <rPh sb="6" eb="7">
      <t>サキ</t>
    </rPh>
    <phoneticPr fontId="8"/>
  </si>
  <si>
    <t>厚木市飯山地先他</t>
    <rPh sb="0" eb="3">
      <t>アツギシ</t>
    </rPh>
    <rPh sb="3" eb="5">
      <t>イイヤマ</t>
    </rPh>
    <rPh sb="5" eb="6">
      <t>チ</t>
    </rPh>
    <rPh sb="6" eb="7">
      <t>サキ</t>
    </rPh>
    <rPh sb="7" eb="8">
      <t>ホカ</t>
    </rPh>
    <phoneticPr fontId="8"/>
  </si>
  <si>
    <t>厚木市酒井地先[Ｂ区域]</t>
    <rPh sb="0" eb="3">
      <t>アツギシ</t>
    </rPh>
    <rPh sb="3" eb="5">
      <t>サカイ</t>
    </rPh>
    <rPh sb="5" eb="7">
      <t>チサキ</t>
    </rPh>
    <rPh sb="9" eb="11">
      <t>クイキ</t>
    </rPh>
    <phoneticPr fontId="21"/>
  </si>
  <si>
    <t>相模原市緑区小倉地先</t>
    <rPh sb="0" eb="4">
      <t>サガミハラシ</t>
    </rPh>
    <rPh sb="4" eb="6">
      <t>ミドリク</t>
    </rPh>
    <rPh sb="6" eb="8">
      <t>オグラ</t>
    </rPh>
    <rPh sb="8" eb="10">
      <t>チサキ</t>
    </rPh>
    <phoneticPr fontId="8"/>
  </si>
  <si>
    <t>相模原市緑区大島地先</t>
    <rPh sb="0" eb="4">
      <t>サガミハラシ</t>
    </rPh>
    <rPh sb="4" eb="6">
      <t>ミドリク</t>
    </rPh>
    <rPh sb="6" eb="8">
      <t>オオシマ</t>
    </rPh>
    <rPh sb="8" eb="10">
      <t>チサキ</t>
    </rPh>
    <phoneticPr fontId="8"/>
  </si>
  <si>
    <t>相模原市南区下溝地先他</t>
    <rPh sb="0" eb="4">
      <t>サガミハラシ</t>
    </rPh>
    <rPh sb="4" eb="6">
      <t>ミナミク</t>
    </rPh>
    <rPh sb="6" eb="8">
      <t>シモミゾ</t>
    </rPh>
    <rPh sb="8" eb="10">
      <t>チサキ</t>
    </rPh>
    <rPh sb="10" eb="11">
      <t>ホカ</t>
    </rPh>
    <phoneticPr fontId="8"/>
  </si>
  <si>
    <t>海老名市河原口　地先</t>
  </si>
  <si>
    <t>愛川町田代　地先</t>
  </si>
  <si>
    <t>厚木市中依知 地先</t>
  </si>
  <si>
    <t>海老名市上郷二丁目地内</t>
    <rPh sb="0" eb="4">
      <t>エビナシ</t>
    </rPh>
    <rPh sb="4" eb="6">
      <t>カミゴウ</t>
    </rPh>
    <rPh sb="6" eb="9">
      <t>ニチョウメ</t>
    </rPh>
    <rPh sb="9" eb="11">
      <t>チナイ</t>
    </rPh>
    <phoneticPr fontId="8"/>
  </si>
  <si>
    <t>大和市深見地先</t>
    <rPh sb="0" eb="3">
      <t>ヤマトシ</t>
    </rPh>
    <rPh sb="3" eb="5">
      <t>フカミ</t>
    </rPh>
    <rPh sb="5" eb="7">
      <t>チサキ</t>
    </rPh>
    <phoneticPr fontId="8"/>
  </si>
  <si>
    <t>大和市福田地先</t>
    <rPh sb="0" eb="3">
      <t>ヤマトシ</t>
    </rPh>
    <rPh sb="3" eb="5">
      <t>フクダ</t>
    </rPh>
    <rPh sb="5" eb="7">
      <t>チサキ</t>
    </rPh>
    <phoneticPr fontId="8"/>
  </si>
  <si>
    <t>大和市下和田地内他</t>
    <rPh sb="0" eb="3">
      <t>ヤマトシ</t>
    </rPh>
    <rPh sb="3" eb="6">
      <t>シモワダ</t>
    </rPh>
    <rPh sb="6" eb="8">
      <t>チナイ</t>
    </rPh>
    <rPh sb="8" eb="9">
      <t>ホカ</t>
    </rPh>
    <phoneticPr fontId="8"/>
  </si>
  <si>
    <t>海老名市本郷地内他</t>
    <rPh sb="0" eb="4">
      <t>エビナシ</t>
    </rPh>
    <rPh sb="4" eb="6">
      <t>ホンゴウ</t>
    </rPh>
    <rPh sb="6" eb="8">
      <t>チナイ</t>
    </rPh>
    <rPh sb="8" eb="9">
      <t>ホカ</t>
    </rPh>
    <phoneticPr fontId="8"/>
  </si>
  <si>
    <t>座間市南栗原四丁目地内他</t>
    <rPh sb="0" eb="3">
      <t>ザマシ</t>
    </rPh>
    <rPh sb="3" eb="4">
      <t>ミナミ</t>
    </rPh>
    <rPh sb="4" eb="6">
      <t>クリハラ</t>
    </rPh>
    <rPh sb="6" eb="9">
      <t>４チョウメ</t>
    </rPh>
    <rPh sb="9" eb="10">
      <t>チ</t>
    </rPh>
    <rPh sb="10" eb="11">
      <t>ナイ</t>
    </rPh>
    <rPh sb="11" eb="12">
      <t>ホカ</t>
    </rPh>
    <phoneticPr fontId="8"/>
  </si>
  <si>
    <t>綾瀬市早川地内他</t>
    <rPh sb="0" eb="3">
      <t>アヤセシ</t>
    </rPh>
    <rPh sb="3" eb="5">
      <t>ハヤカワ</t>
    </rPh>
    <rPh sb="5" eb="6">
      <t>チ</t>
    </rPh>
    <rPh sb="6" eb="7">
      <t>ナイ</t>
    </rPh>
    <rPh sb="7" eb="8">
      <t>ホカ</t>
    </rPh>
    <phoneticPr fontId="8"/>
  </si>
  <si>
    <t>綾瀬市早川地内</t>
    <rPh sb="0" eb="3">
      <t>アヤセシ</t>
    </rPh>
    <rPh sb="3" eb="5">
      <t>ハヤカワ</t>
    </rPh>
    <rPh sb="5" eb="6">
      <t>チ</t>
    </rPh>
    <rPh sb="6" eb="7">
      <t>ナイ</t>
    </rPh>
    <phoneticPr fontId="8"/>
  </si>
  <si>
    <t>座間市入谷東一丁目地内</t>
    <rPh sb="0" eb="2">
      <t>ザマ</t>
    </rPh>
    <rPh sb="2" eb="3">
      <t>シ</t>
    </rPh>
    <rPh sb="3" eb="5">
      <t>イリヤ</t>
    </rPh>
    <rPh sb="5" eb="6">
      <t>ヒガシ</t>
    </rPh>
    <rPh sb="6" eb="11">
      <t>イッチョウメチナイ</t>
    </rPh>
    <phoneticPr fontId="8"/>
  </si>
  <si>
    <t>綾瀬市早川城山五丁目地内他</t>
    <rPh sb="0" eb="3">
      <t>アヤセシ</t>
    </rPh>
    <rPh sb="3" eb="5">
      <t>ハヤカワ</t>
    </rPh>
    <rPh sb="5" eb="7">
      <t>シロヤマ</t>
    </rPh>
    <rPh sb="7" eb="10">
      <t>ゴチョウメ</t>
    </rPh>
    <rPh sb="10" eb="12">
      <t>チナイ</t>
    </rPh>
    <rPh sb="12" eb="13">
      <t>ホカ</t>
    </rPh>
    <phoneticPr fontId="8"/>
  </si>
  <si>
    <t>綾瀬市寺尾中三丁目地内他</t>
    <rPh sb="0" eb="3">
      <t>アヤセシ</t>
    </rPh>
    <rPh sb="3" eb="5">
      <t>テラオ</t>
    </rPh>
    <rPh sb="5" eb="6">
      <t>ナカ</t>
    </rPh>
    <rPh sb="6" eb="9">
      <t>サンチョウメ</t>
    </rPh>
    <rPh sb="9" eb="11">
      <t>チナイ</t>
    </rPh>
    <rPh sb="11" eb="12">
      <t>ホカ</t>
    </rPh>
    <phoneticPr fontId="8"/>
  </si>
  <si>
    <t>大和市代官二丁目地内他</t>
    <rPh sb="0" eb="2">
      <t>ヤマト</t>
    </rPh>
    <rPh sb="2" eb="3">
      <t>シ</t>
    </rPh>
    <rPh sb="3" eb="5">
      <t>ダイカン</t>
    </rPh>
    <rPh sb="5" eb="8">
      <t>ニチョウメ</t>
    </rPh>
    <rPh sb="8" eb="10">
      <t>チナイ</t>
    </rPh>
    <rPh sb="10" eb="11">
      <t>ホカ</t>
    </rPh>
    <phoneticPr fontId="6"/>
  </si>
  <si>
    <t>大和市上和田地内(桜ヶ丘歩道橋)</t>
    <rPh sb="0" eb="2">
      <t>ヤマト</t>
    </rPh>
    <rPh sb="2" eb="3">
      <t>シ</t>
    </rPh>
    <rPh sb="3" eb="4">
      <t>カミ</t>
    </rPh>
    <rPh sb="4" eb="6">
      <t>ワダ</t>
    </rPh>
    <rPh sb="6" eb="8">
      <t>チナイ</t>
    </rPh>
    <rPh sb="9" eb="12">
      <t>サクラガオカ</t>
    </rPh>
    <rPh sb="12" eb="15">
      <t>ホドウキョウ</t>
    </rPh>
    <phoneticPr fontId="8"/>
  </si>
  <si>
    <t>横浜市瀬谷区本郷三丁目・大和市深見地先</t>
    <rPh sb="0" eb="3">
      <t>ヨコハマシ</t>
    </rPh>
    <rPh sb="3" eb="6">
      <t>セヤク</t>
    </rPh>
    <rPh sb="6" eb="8">
      <t>ホンゴウ</t>
    </rPh>
    <rPh sb="8" eb="11">
      <t>３チョウメ</t>
    </rPh>
    <rPh sb="12" eb="15">
      <t>ヤマトシ</t>
    </rPh>
    <rPh sb="15" eb="17">
      <t>フカミ</t>
    </rPh>
    <rPh sb="17" eb="19">
      <t>チサキ</t>
    </rPh>
    <phoneticPr fontId="8"/>
  </si>
  <si>
    <t>座間市南栗原一丁目地内他</t>
    <rPh sb="0" eb="3">
      <t>ザマシ</t>
    </rPh>
    <rPh sb="3" eb="4">
      <t>ミナミ</t>
    </rPh>
    <rPh sb="4" eb="6">
      <t>クリハラ</t>
    </rPh>
    <rPh sb="6" eb="9">
      <t>１チョウメ</t>
    </rPh>
    <rPh sb="9" eb="10">
      <t>チ</t>
    </rPh>
    <rPh sb="10" eb="11">
      <t>ナイ</t>
    </rPh>
    <rPh sb="11" eb="12">
      <t>ホカ</t>
    </rPh>
    <phoneticPr fontId="8"/>
  </si>
  <si>
    <t>大和市上和田地内</t>
  </si>
  <si>
    <t>綾瀬市早川地内</t>
    <rPh sb="0" eb="3">
      <t>アヤセシ</t>
    </rPh>
    <rPh sb="3" eb="5">
      <t>ハヤカワ</t>
    </rPh>
    <rPh sb="5" eb="7">
      <t>チナイ</t>
    </rPh>
    <phoneticPr fontId="8"/>
  </si>
  <si>
    <t>大和市上和田～福田地内</t>
  </si>
  <si>
    <t>大和市桜森一丁目地内他</t>
    <rPh sb="0" eb="3">
      <t>ヤマトシ</t>
    </rPh>
    <rPh sb="3" eb="5">
      <t>サクラモリ</t>
    </rPh>
    <rPh sb="5" eb="8">
      <t>１チョウメ</t>
    </rPh>
    <rPh sb="8" eb="9">
      <t>チ</t>
    </rPh>
    <rPh sb="9" eb="10">
      <t>ナイ</t>
    </rPh>
    <rPh sb="10" eb="11">
      <t>ホカ</t>
    </rPh>
    <phoneticPr fontId="8"/>
  </si>
  <si>
    <t>（公所バイパス）大和市下鶴間地内</t>
    <rPh sb="1" eb="2">
      <t>コウ</t>
    </rPh>
    <rPh sb="2" eb="3">
      <t>ショ</t>
    </rPh>
    <rPh sb="8" eb="11">
      <t>ヤマトシ</t>
    </rPh>
    <rPh sb="11" eb="14">
      <t>シモツルマ</t>
    </rPh>
    <rPh sb="14" eb="16">
      <t>チナイ</t>
    </rPh>
    <phoneticPr fontId="8"/>
  </si>
  <si>
    <t>大和市つきみ野二丁目地内他</t>
    <rPh sb="0" eb="3">
      <t>ヤマトシ</t>
    </rPh>
    <rPh sb="6" eb="13">
      <t>ノニチョウメチナイホカ</t>
    </rPh>
    <phoneticPr fontId="8"/>
  </si>
  <si>
    <t>海老名市社家四丁目地内他</t>
    <rPh sb="4" eb="6">
      <t>シャケ</t>
    </rPh>
    <rPh sb="6" eb="9">
      <t>ヨンチョウメ</t>
    </rPh>
    <rPh sb="9" eb="11">
      <t>チナイ</t>
    </rPh>
    <rPh sb="11" eb="12">
      <t>ホカ</t>
    </rPh>
    <phoneticPr fontId="8"/>
  </si>
  <si>
    <t>海老名市本郷地内</t>
    <rPh sb="0" eb="4">
      <t>エビナシ</t>
    </rPh>
    <rPh sb="4" eb="6">
      <t>ホンゴウ</t>
    </rPh>
    <rPh sb="6" eb="8">
      <t>チナイ</t>
    </rPh>
    <phoneticPr fontId="8"/>
  </si>
  <si>
    <t>大和市大和南二丁目地内他</t>
    <rPh sb="0" eb="3">
      <t>ヤマトシ</t>
    </rPh>
    <rPh sb="3" eb="6">
      <t>ヤマトミナミ</t>
    </rPh>
    <rPh sb="6" eb="9">
      <t>ニチョウメ</t>
    </rPh>
    <rPh sb="9" eb="11">
      <t>チナイ</t>
    </rPh>
    <rPh sb="11" eb="12">
      <t>ホカ</t>
    </rPh>
    <phoneticPr fontId="8"/>
  </si>
  <si>
    <t>大和市上和田地内（上和田歩道橋）</t>
    <rPh sb="0" eb="2">
      <t>ヤマト</t>
    </rPh>
    <rPh sb="2" eb="3">
      <t>シ</t>
    </rPh>
    <rPh sb="3" eb="4">
      <t>カミ</t>
    </rPh>
    <rPh sb="4" eb="6">
      <t>ワダ</t>
    </rPh>
    <rPh sb="6" eb="8">
      <t>チナイ</t>
    </rPh>
    <rPh sb="9" eb="10">
      <t>カミ</t>
    </rPh>
    <rPh sb="10" eb="12">
      <t>ワダ</t>
    </rPh>
    <rPh sb="12" eb="15">
      <t>ホドウキョウ</t>
    </rPh>
    <phoneticPr fontId="8"/>
  </si>
  <si>
    <t>大和市上和田地先</t>
    <rPh sb="0" eb="3">
      <t>ヤマトシ</t>
    </rPh>
    <rPh sb="3" eb="4">
      <t>カミ</t>
    </rPh>
    <rPh sb="4" eb="6">
      <t>ワダ</t>
    </rPh>
    <rPh sb="6" eb="8">
      <t>チサキ</t>
    </rPh>
    <phoneticPr fontId="8"/>
  </si>
  <si>
    <t>座間市栗原中央五丁目地内</t>
    <rPh sb="3" eb="5">
      <t>クリハラ</t>
    </rPh>
    <rPh sb="5" eb="7">
      <t>チュウオウ</t>
    </rPh>
    <rPh sb="7" eb="10">
      <t>５チョウメ</t>
    </rPh>
    <rPh sb="10" eb="12">
      <t>チナイ</t>
    </rPh>
    <phoneticPr fontId="8"/>
  </si>
  <si>
    <t>海老名市上郷地内</t>
  </si>
  <si>
    <t>（座架依橋）厚木市関口地先</t>
    <rPh sb="1" eb="5">
      <t>ザ</t>
    </rPh>
    <rPh sb="6" eb="8">
      <t>アツギ</t>
    </rPh>
    <rPh sb="8" eb="9">
      <t>シ</t>
    </rPh>
    <rPh sb="9" eb="11">
      <t>セキグチ</t>
    </rPh>
    <rPh sb="11" eb="13">
      <t>チサキ</t>
    </rPh>
    <phoneticPr fontId="8"/>
  </si>
  <si>
    <t>（境橋）大和市深見地内他</t>
    <rPh sb="1" eb="2">
      <t>サカイ</t>
    </rPh>
    <rPh sb="2" eb="3">
      <t>キョウ</t>
    </rPh>
    <rPh sb="4" eb="7">
      <t>ヤマトシ</t>
    </rPh>
    <rPh sb="7" eb="9">
      <t>フカミ</t>
    </rPh>
    <rPh sb="9" eb="10">
      <t>チ</t>
    </rPh>
    <rPh sb="10" eb="11">
      <t>ナイ</t>
    </rPh>
    <rPh sb="11" eb="12">
      <t>ホカ</t>
    </rPh>
    <phoneticPr fontId="8"/>
  </si>
  <si>
    <t>（新道下大橋他）大和市福田五丁目地内他</t>
    <rPh sb="1" eb="2">
      <t>シン</t>
    </rPh>
    <rPh sb="2" eb="4">
      <t>ミチシタ</t>
    </rPh>
    <rPh sb="4" eb="6">
      <t>オオハシ</t>
    </rPh>
    <rPh sb="5" eb="6">
      <t>キョウ</t>
    </rPh>
    <rPh sb="6" eb="7">
      <t>ホカ</t>
    </rPh>
    <rPh sb="8" eb="11">
      <t>ヤマトシ</t>
    </rPh>
    <rPh sb="11" eb="13">
      <t>フクダ</t>
    </rPh>
    <rPh sb="13" eb="16">
      <t>５チョウメ</t>
    </rPh>
    <rPh sb="16" eb="17">
      <t>チ</t>
    </rPh>
    <rPh sb="17" eb="18">
      <t>ナイ</t>
    </rPh>
    <rPh sb="18" eb="19">
      <t>ホカ</t>
    </rPh>
    <phoneticPr fontId="8"/>
  </si>
  <si>
    <t>大和市中央一丁目地内</t>
    <rPh sb="0" eb="2">
      <t>ヤマト</t>
    </rPh>
    <rPh sb="2" eb="3">
      <t>シ</t>
    </rPh>
    <rPh sb="3" eb="5">
      <t>チュウオウ</t>
    </rPh>
    <rPh sb="5" eb="8">
      <t>イッチョウメ</t>
    </rPh>
    <rPh sb="8" eb="10">
      <t>チナイ</t>
    </rPh>
    <phoneticPr fontId="8"/>
  </si>
  <si>
    <t>海老名市上郷二丁目他</t>
    <rPh sb="0" eb="4">
      <t>エビナシ</t>
    </rPh>
    <rPh sb="4" eb="6">
      <t>カミゴウ</t>
    </rPh>
    <rPh sb="6" eb="9">
      <t>ニチョウメ</t>
    </rPh>
    <rPh sb="9" eb="10">
      <t>ホカ</t>
    </rPh>
    <phoneticPr fontId="8"/>
  </si>
  <si>
    <t>大和市上和田地先</t>
    <rPh sb="0" eb="3">
      <t>ヤマトシ</t>
    </rPh>
    <rPh sb="3" eb="6">
      <t>カミワダ</t>
    </rPh>
    <rPh sb="6" eb="8">
      <t>チサキ</t>
    </rPh>
    <phoneticPr fontId="8"/>
  </si>
  <si>
    <t>綾瀬市寺尾本町一丁目地内他</t>
    <rPh sb="0" eb="3">
      <t>アヤセシ</t>
    </rPh>
    <rPh sb="3" eb="7">
      <t>テラオホンチョウ</t>
    </rPh>
    <rPh sb="7" eb="10">
      <t>イッチョウメ</t>
    </rPh>
    <rPh sb="10" eb="11">
      <t>チ</t>
    </rPh>
    <rPh sb="11" eb="12">
      <t>ナイ</t>
    </rPh>
    <rPh sb="12" eb="13">
      <t>ホカ</t>
    </rPh>
    <phoneticPr fontId="8"/>
  </si>
  <si>
    <t>横浜市泉区上飯田町・大和市下和田地先</t>
    <rPh sb="0" eb="3">
      <t>ヨコハマシ</t>
    </rPh>
    <rPh sb="3" eb="5">
      <t>イズミク</t>
    </rPh>
    <rPh sb="5" eb="8">
      <t>カミイイダ</t>
    </rPh>
    <rPh sb="8" eb="9">
      <t>マチ</t>
    </rPh>
    <rPh sb="10" eb="13">
      <t>ヤマトシ</t>
    </rPh>
    <rPh sb="13" eb="14">
      <t>シモ</t>
    </rPh>
    <rPh sb="14" eb="16">
      <t>ワダ</t>
    </rPh>
    <rPh sb="16" eb="18">
      <t>チサキ</t>
    </rPh>
    <phoneticPr fontId="8"/>
  </si>
  <si>
    <t>相模原市緑区川尻地先他</t>
    <rPh sb="0" eb="4">
      <t>サガミハラシ</t>
    </rPh>
    <rPh sb="6" eb="8">
      <t>カワジリ</t>
    </rPh>
    <rPh sb="8" eb="10">
      <t>チサキ</t>
    </rPh>
    <rPh sb="10" eb="11">
      <t>ホカ</t>
    </rPh>
    <phoneticPr fontId="8"/>
  </si>
  <si>
    <t>相模原市緑区青根地先</t>
  </si>
  <si>
    <t>相模原市緑区牧野地内</t>
    <rPh sb="6" eb="8">
      <t>マキノ</t>
    </rPh>
    <rPh sb="8" eb="9">
      <t>チ</t>
    </rPh>
    <rPh sb="9" eb="10">
      <t>ナイ</t>
    </rPh>
    <phoneticPr fontId="8"/>
  </si>
  <si>
    <t>相模原市緑区城山二丁目地内</t>
    <rPh sb="0" eb="4">
      <t>サガミハラシ</t>
    </rPh>
    <rPh sb="4" eb="6">
      <t>ミドリク</t>
    </rPh>
    <rPh sb="6" eb="11">
      <t>シロヤマニチョウメ</t>
    </rPh>
    <rPh sb="11" eb="12">
      <t>チ</t>
    </rPh>
    <rPh sb="12" eb="13">
      <t>ナイ</t>
    </rPh>
    <phoneticPr fontId="8"/>
  </si>
  <si>
    <t>相模原市緑区佐野川　地先</t>
    <rPh sb="10" eb="12">
      <t>チサキ</t>
    </rPh>
    <phoneticPr fontId="11"/>
  </si>
  <si>
    <t>町田市常盤町地先外</t>
    <rPh sb="0" eb="3">
      <t>マチダシ</t>
    </rPh>
    <rPh sb="3" eb="6">
      <t>トキワチョウ</t>
    </rPh>
    <rPh sb="6" eb="8">
      <t>チサキ</t>
    </rPh>
    <rPh sb="8" eb="9">
      <t>ホカ</t>
    </rPh>
    <phoneticPr fontId="8"/>
  </si>
  <si>
    <t>相模原市緑区城山二丁目地内</t>
    <rPh sb="0" eb="4">
      <t>サガミハラ</t>
    </rPh>
    <rPh sb="4" eb="6">
      <t>ミドリク</t>
    </rPh>
    <rPh sb="6" eb="11">
      <t>シロヤマニチョウメ</t>
    </rPh>
    <rPh sb="11" eb="12">
      <t>チ</t>
    </rPh>
    <rPh sb="12" eb="13">
      <t>ナイ</t>
    </rPh>
    <phoneticPr fontId="8"/>
  </si>
  <si>
    <t>相模原市中央区上矢部一丁目地先外</t>
    <rPh sb="0" eb="4">
      <t>サガミハラシ</t>
    </rPh>
    <rPh sb="4" eb="7">
      <t>チュウオウク</t>
    </rPh>
    <rPh sb="7" eb="8">
      <t>カミ</t>
    </rPh>
    <rPh sb="8" eb="10">
      <t>ヤベ</t>
    </rPh>
    <rPh sb="10" eb="13">
      <t>イッチョウメ</t>
    </rPh>
    <rPh sb="13" eb="15">
      <t>チサキ</t>
    </rPh>
    <rPh sb="15" eb="16">
      <t>ホカ</t>
    </rPh>
    <phoneticPr fontId="8"/>
  </si>
  <si>
    <t>相模原市緑区川尻地先他</t>
    <rPh sb="0" eb="4">
      <t>サガミハラシ</t>
    </rPh>
    <rPh sb="4" eb="6">
      <t>ミドリク</t>
    </rPh>
    <rPh sb="6" eb="10">
      <t>カワジリチサキ</t>
    </rPh>
    <rPh sb="10" eb="11">
      <t>ホカ</t>
    </rPh>
    <phoneticPr fontId="8"/>
  </si>
  <si>
    <t>相模原市緑区青山地先</t>
    <rPh sb="0" eb="10">
      <t>サガミハラシミドリクアオヤマチサキ</t>
    </rPh>
    <phoneticPr fontId="8"/>
  </si>
  <si>
    <t>相模原市緑区城山二丁目地内</t>
  </si>
  <si>
    <t>相模原市南区麻溝台地内外</t>
  </si>
  <si>
    <t>相模原市南区磯部地先外</t>
    <rPh sb="0" eb="4">
      <t>サガミハラシ</t>
    </rPh>
    <rPh sb="4" eb="6">
      <t>ミナミク</t>
    </rPh>
    <rPh sb="6" eb="8">
      <t>イソベ</t>
    </rPh>
    <rPh sb="8" eb="10">
      <t>チサキ</t>
    </rPh>
    <rPh sb="10" eb="11">
      <t>ホカ</t>
    </rPh>
    <phoneticPr fontId="8"/>
  </si>
  <si>
    <t>相模原市南区麻溝台地内</t>
  </si>
  <si>
    <t>相模原市南区下溝地内</t>
    <rPh sb="6" eb="8">
      <t>シモミゾ</t>
    </rPh>
    <phoneticPr fontId="8"/>
  </si>
  <si>
    <t>相模原市緑区川尻地先他</t>
  </si>
  <si>
    <t>相模原市緑区寸沢嵐地先</t>
  </si>
  <si>
    <t>足柄上郡山北町世附地内（中畑橋）</t>
    <rPh sb="0" eb="4">
      <t>アシガラカミグン</t>
    </rPh>
    <rPh sb="4" eb="7">
      <t>ヤマキタマチ</t>
    </rPh>
    <rPh sb="7" eb="9">
      <t>ヨヅク</t>
    </rPh>
    <rPh sb="9" eb="10">
      <t>チ</t>
    </rPh>
    <rPh sb="10" eb="11">
      <t>ナイ</t>
    </rPh>
    <rPh sb="12" eb="14">
      <t>ナカバタケ</t>
    </rPh>
    <rPh sb="14" eb="15">
      <t>ハシ</t>
    </rPh>
    <phoneticPr fontId="10"/>
  </si>
  <si>
    <t>足柄上郡大井町上大井地内</t>
    <rPh sb="0" eb="2">
      <t>アシガラ</t>
    </rPh>
    <rPh sb="2" eb="3">
      <t>カミ</t>
    </rPh>
    <rPh sb="3" eb="4">
      <t>グン</t>
    </rPh>
    <rPh sb="4" eb="7">
      <t>オオイマチ</t>
    </rPh>
    <rPh sb="7" eb="10">
      <t>カミオオイ</t>
    </rPh>
    <rPh sb="10" eb="11">
      <t>チ</t>
    </rPh>
    <rPh sb="11" eb="12">
      <t>ナイ</t>
    </rPh>
    <phoneticPr fontId="10"/>
  </si>
  <si>
    <t>南足柄市和田河原　地先</t>
  </si>
  <si>
    <t>南足柄市塚原地内</t>
    <rPh sb="0" eb="6">
      <t>ミナミアシガラシツカハラ</t>
    </rPh>
    <rPh sb="6" eb="8">
      <t>チナイ</t>
    </rPh>
    <phoneticPr fontId="10"/>
  </si>
  <si>
    <t>足柄上郡大井町金子地内</t>
    <rPh sb="0" eb="2">
      <t>アシガラ</t>
    </rPh>
    <rPh sb="2" eb="3">
      <t>ウエ</t>
    </rPh>
    <rPh sb="3" eb="4">
      <t>グン</t>
    </rPh>
    <rPh sb="9" eb="10">
      <t>チ</t>
    </rPh>
    <rPh sb="10" eb="11">
      <t>ナイ</t>
    </rPh>
    <phoneticPr fontId="0"/>
  </si>
  <si>
    <t>南足柄市中沼地内</t>
    <rPh sb="6" eb="7">
      <t>チ</t>
    </rPh>
    <rPh sb="7" eb="8">
      <t>ナイ</t>
    </rPh>
    <phoneticPr fontId="0"/>
  </si>
  <si>
    <t>足柄上郡山北町中川地内</t>
    <rPh sb="0" eb="2">
      <t>アシガラ</t>
    </rPh>
    <rPh sb="2" eb="3">
      <t>ウエ</t>
    </rPh>
    <rPh sb="3" eb="4">
      <t>グン</t>
    </rPh>
    <rPh sb="9" eb="10">
      <t>チ</t>
    </rPh>
    <rPh sb="10" eb="11">
      <t>ナイ</t>
    </rPh>
    <phoneticPr fontId="0"/>
  </si>
  <si>
    <t>足柄上郡大井町金子地内</t>
    <rPh sb="0" eb="2">
      <t>アシガラ</t>
    </rPh>
    <rPh sb="2" eb="3">
      <t>ウエ</t>
    </rPh>
    <rPh sb="3" eb="4">
      <t>グン</t>
    </rPh>
    <rPh sb="4" eb="7">
      <t>オオイマチ</t>
    </rPh>
    <rPh sb="7" eb="9">
      <t>カネコ</t>
    </rPh>
    <rPh sb="9" eb="10">
      <t>チ</t>
    </rPh>
    <rPh sb="10" eb="11">
      <t>ナイ</t>
    </rPh>
    <phoneticPr fontId="0"/>
  </si>
  <si>
    <t>足柄上郡松田町松田惣領地内</t>
    <rPh sb="0" eb="2">
      <t>アシガラ</t>
    </rPh>
    <rPh sb="2" eb="4">
      <t>カミグン</t>
    </rPh>
    <rPh sb="4" eb="6">
      <t>マツダ</t>
    </rPh>
    <rPh sb="6" eb="7">
      <t>マチ</t>
    </rPh>
    <rPh sb="7" eb="9">
      <t>マツダ</t>
    </rPh>
    <rPh sb="9" eb="11">
      <t>ソウリョウ</t>
    </rPh>
    <rPh sb="11" eb="12">
      <t>チ</t>
    </rPh>
    <rPh sb="12" eb="13">
      <t>ナイ</t>
    </rPh>
    <phoneticPr fontId="10"/>
  </si>
  <si>
    <t>足柄上郡大井町金手地内</t>
    <rPh sb="0" eb="2">
      <t>アシガラ</t>
    </rPh>
    <rPh sb="2" eb="4">
      <t>カミグン</t>
    </rPh>
    <rPh sb="4" eb="6">
      <t>オオイ</t>
    </rPh>
    <rPh sb="6" eb="7">
      <t>マチ</t>
    </rPh>
    <rPh sb="7" eb="9">
      <t>カナテ</t>
    </rPh>
    <rPh sb="9" eb="10">
      <t>チ</t>
    </rPh>
    <rPh sb="10" eb="11">
      <t>ナイ</t>
    </rPh>
    <phoneticPr fontId="10"/>
  </si>
  <si>
    <t>足柄上郡山北町神尾田地先他</t>
    <rPh sb="0" eb="2">
      <t>アシガラ</t>
    </rPh>
    <rPh sb="2" eb="3">
      <t>カミ</t>
    </rPh>
    <rPh sb="3" eb="4">
      <t>グン</t>
    </rPh>
    <rPh sb="4" eb="6">
      <t>ヤマキタ</t>
    </rPh>
    <rPh sb="6" eb="7">
      <t>マチ</t>
    </rPh>
    <rPh sb="7" eb="8">
      <t>カミ</t>
    </rPh>
    <rPh sb="8" eb="9">
      <t>オ</t>
    </rPh>
    <rPh sb="9" eb="10">
      <t>タ</t>
    </rPh>
    <rPh sb="10" eb="12">
      <t>チサキ</t>
    </rPh>
    <rPh sb="12" eb="13">
      <t>ホカ</t>
    </rPh>
    <phoneticPr fontId="10"/>
  </si>
  <si>
    <t>足柄上郡大井町金子地内</t>
    <rPh sb="0" eb="4">
      <t>アシガラカミグン</t>
    </rPh>
    <rPh sb="4" eb="7">
      <t>オオイマチ</t>
    </rPh>
    <rPh sb="7" eb="9">
      <t>カネコ</t>
    </rPh>
    <rPh sb="9" eb="10">
      <t>チ</t>
    </rPh>
    <rPh sb="10" eb="11">
      <t>ナイ</t>
    </rPh>
    <phoneticPr fontId="10"/>
  </si>
  <si>
    <t>南足柄市怒田地内</t>
    <rPh sb="0" eb="4">
      <t>ミナミアシガラシ</t>
    </rPh>
    <rPh sb="4" eb="6">
      <t>ヌタ</t>
    </rPh>
    <rPh sb="6" eb="7">
      <t>チ</t>
    </rPh>
    <rPh sb="7" eb="8">
      <t>ナイ</t>
    </rPh>
    <phoneticPr fontId="10"/>
  </si>
  <si>
    <t>足柄上郡山北町中川地先</t>
    <rPh sb="0" eb="4">
      <t>アシガラカミグン</t>
    </rPh>
    <rPh sb="4" eb="7">
      <t>ヤマキタマチ</t>
    </rPh>
    <rPh sb="7" eb="9">
      <t>ナカガワ</t>
    </rPh>
    <rPh sb="9" eb="11">
      <t>チサキ</t>
    </rPh>
    <phoneticPr fontId="10"/>
  </si>
  <si>
    <t>足柄上郡中井町井ノ口地内</t>
  </si>
  <si>
    <t>足柄上郡中井町井ノ口地内</t>
    <rPh sb="0" eb="2">
      <t>アシガラ</t>
    </rPh>
    <rPh sb="2" eb="3">
      <t>カミ</t>
    </rPh>
    <rPh sb="3" eb="4">
      <t>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phoneticPr fontId="10"/>
  </si>
  <si>
    <t>足柄上郡山北町世附地先</t>
    <rPh sb="0" eb="4">
      <t>アシガラカミグン</t>
    </rPh>
    <rPh sb="4" eb="6">
      <t>ヤマキタ</t>
    </rPh>
    <rPh sb="7" eb="9">
      <t>ヨヅク</t>
    </rPh>
    <rPh sb="9" eb="11">
      <t>チサキ</t>
    </rPh>
    <phoneticPr fontId="10"/>
  </si>
  <si>
    <t>南足柄市岩原地先</t>
    <rPh sb="0" eb="4">
      <t>ミナミアシガラシ</t>
    </rPh>
    <rPh sb="4" eb="6">
      <t>イワハラ</t>
    </rPh>
    <rPh sb="6" eb="8">
      <t>チサキ</t>
    </rPh>
    <phoneticPr fontId="10"/>
  </si>
  <si>
    <t>南足柄市狩野地先他</t>
    <rPh sb="0" eb="4">
      <t>ミナミアシガラシ</t>
    </rPh>
    <rPh sb="4" eb="5">
      <t>カリ</t>
    </rPh>
    <rPh sb="5" eb="6">
      <t>ノ</t>
    </rPh>
    <rPh sb="6" eb="8">
      <t>チサキ</t>
    </rPh>
    <rPh sb="8" eb="9">
      <t>ホカ</t>
    </rPh>
    <phoneticPr fontId="10"/>
  </si>
  <si>
    <t>足柄上郡山北町中川地先</t>
  </si>
  <si>
    <t>南足柄市内山地内</t>
    <rPh sb="6" eb="7">
      <t>チ</t>
    </rPh>
    <rPh sb="7" eb="8">
      <t>ナイ</t>
    </rPh>
    <phoneticPr fontId="10"/>
  </si>
  <si>
    <t>足柄上郡大井町赤田地内</t>
    <rPh sb="4" eb="7">
      <t>オオイマチ</t>
    </rPh>
    <rPh sb="7" eb="9">
      <t>アカダ</t>
    </rPh>
    <rPh sb="9" eb="10">
      <t>チ</t>
    </rPh>
    <rPh sb="10" eb="11">
      <t>ナイ</t>
    </rPh>
    <phoneticPr fontId="14"/>
  </si>
  <si>
    <t>足柄上郡山北町川西地内（鞠子橋）</t>
    <rPh sb="0" eb="4">
      <t>アシガラカミグン</t>
    </rPh>
    <rPh sb="4" eb="7">
      <t>ヤマキタマチ</t>
    </rPh>
    <rPh sb="7" eb="9">
      <t>カワニシ</t>
    </rPh>
    <rPh sb="9" eb="10">
      <t>チ</t>
    </rPh>
    <rPh sb="10" eb="11">
      <t>ナイ</t>
    </rPh>
    <rPh sb="12" eb="14">
      <t>マリコ</t>
    </rPh>
    <rPh sb="14" eb="15">
      <t>バシ</t>
    </rPh>
    <phoneticPr fontId="10"/>
  </si>
  <si>
    <t>足柄上郡山北町山北地内他</t>
    <rPh sb="0" eb="4">
      <t>アシガラカミグン</t>
    </rPh>
    <rPh sb="4" eb="6">
      <t>ヤマキタ</t>
    </rPh>
    <rPh sb="6" eb="7">
      <t>マチ</t>
    </rPh>
    <rPh sb="7" eb="9">
      <t>ヤマキタ</t>
    </rPh>
    <rPh sb="9" eb="10">
      <t>チ</t>
    </rPh>
    <rPh sb="10" eb="11">
      <t>ナイ</t>
    </rPh>
    <rPh sb="11" eb="12">
      <t>ホカ</t>
    </rPh>
    <phoneticPr fontId="10"/>
  </si>
  <si>
    <t>宮本電気</t>
  </si>
  <si>
    <t>足柄上郡山北町都夫良野地先</t>
    <rPh sb="0" eb="2">
      <t>アシガラ</t>
    </rPh>
    <rPh sb="2" eb="3">
      <t>カミ</t>
    </rPh>
    <rPh sb="3" eb="4">
      <t>グン</t>
    </rPh>
    <rPh sb="4" eb="6">
      <t>ヤマキタ</t>
    </rPh>
    <rPh sb="6" eb="7">
      <t>マチ</t>
    </rPh>
    <rPh sb="7" eb="11">
      <t>ツブラノ</t>
    </rPh>
    <rPh sb="11" eb="13">
      <t>チサキ</t>
    </rPh>
    <phoneticPr fontId="10"/>
  </si>
  <si>
    <t>足柄上郡中井町井ノ口地内</t>
    <rPh sb="0" eb="4">
      <t>アシガラカミ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phoneticPr fontId="14"/>
  </si>
  <si>
    <t>足柄上郡山北町岸地内</t>
    <rPh sb="0" eb="6">
      <t>アシガラカミグンヤマキタ</t>
    </rPh>
    <rPh sb="6" eb="7">
      <t>マチ</t>
    </rPh>
    <rPh sb="7" eb="8">
      <t>キシ</t>
    </rPh>
    <rPh sb="8" eb="9">
      <t>チ</t>
    </rPh>
    <rPh sb="9" eb="10">
      <t>ナイ</t>
    </rPh>
    <phoneticPr fontId="10"/>
  </si>
  <si>
    <t>南足柄市矢倉沢地内</t>
    <rPh sb="4" eb="7">
      <t>ヤグラサワ</t>
    </rPh>
    <rPh sb="7" eb="8">
      <t>チ</t>
    </rPh>
    <rPh sb="8" eb="9">
      <t>ナイ</t>
    </rPh>
    <phoneticPr fontId="10"/>
  </si>
  <si>
    <t>足柄上郡大井町西大井地先他</t>
    <rPh sb="0" eb="2">
      <t>アシガラ</t>
    </rPh>
    <rPh sb="2" eb="3">
      <t>カミ</t>
    </rPh>
    <rPh sb="3" eb="4">
      <t>グン</t>
    </rPh>
    <rPh sb="4" eb="6">
      <t>オオイ</t>
    </rPh>
    <rPh sb="6" eb="7">
      <t>マチ</t>
    </rPh>
    <rPh sb="7" eb="8">
      <t>ニシ</t>
    </rPh>
    <rPh sb="8" eb="10">
      <t>オオイ</t>
    </rPh>
    <rPh sb="10" eb="12">
      <t>チサキ</t>
    </rPh>
    <rPh sb="12" eb="13">
      <t>ホカ</t>
    </rPh>
    <phoneticPr fontId="10"/>
  </si>
  <si>
    <t>南足柄市向田地内</t>
    <rPh sb="0" eb="4">
      <t>ミナミアシガラシ</t>
    </rPh>
    <rPh sb="4" eb="6">
      <t>ムカイダ</t>
    </rPh>
    <rPh sb="6" eb="7">
      <t>チ</t>
    </rPh>
    <rPh sb="7" eb="8">
      <t>ナイ</t>
    </rPh>
    <phoneticPr fontId="10"/>
  </si>
  <si>
    <t>南足柄市内山地内</t>
    <rPh sb="0" eb="4">
      <t>ミナミアシガラシ</t>
    </rPh>
    <rPh sb="4" eb="6">
      <t>ウチヤマ</t>
    </rPh>
    <rPh sb="6" eb="7">
      <t>チ</t>
    </rPh>
    <rPh sb="7" eb="8">
      <t>ナイ</t>
    </rPh>
    <phoneticPr fontId="10"/>
  </si>
  <si>
    <t>足柄上郡大井町高尾地内</t>
    <rPh sb="0" eb="2">
      <t>アシガラ</t>
    </rPh>
    <rPh sb="2" eb="4">
      <t>カミグン</t>
    </rPh>
    <rPh sb="4" eb="7">
      <t>オオイマチ</t>
    </rPh>
    <rPh sb="7" eb="9">
      <t>タカオ</t>
    </rPh>
    <rPh sb="9" eb="10">
      <t>チ</t>
    </rPh>
    <rPh sb="10" eb="11">
      <t>ナイ</t>
    </rPh>
    <phoneticPr fontId="10"/>
  </si>
  <si>
    <t>足柄上郡開成町金井島地先他</t>
  </si>
  <si>
    <t>足柄上郡山北町神尾田地内他（落合隧道）</t>
    <rPh sb="0" eb="2">
      <t>アシガラ</t>
    </rPh>
    <rPh sb="2" eb="3">
      <t>ウエ</t>
    </rPh>
    <rPh sb="3" eb="4">
      <t>グン</t>
    </rPh>
    <rPh sb="4" eb="7">
      <t>ヤマキタマチ</t>
    </rPh>
    <rPh sb="7" eb="9">
      <t>カミオ</t>
    </rPh>
    <rPh sb="9" eb="10">
      <t>タ</t>
    </rPh>
    <rPh sb="10" eb="11">
      <t>チ</t>
    </rPh>
    <rPh sb="11" eb="12">
      <t>ナイ</t>
    </rPh>
    <rPh sb="12" eb="13">
      <t>ホカ</t>
    </rPh>
    <rPh sb="14" eb="16">
      <t>オチアイ</t>
    </rPh>
    <rPh sb="16" eb="18">
      <t>ズイドウ</t>
    </rPh>
    <phoneticPr fontId="10"/>
  </si>
  <si>
    <t>足柄上郡山北町山北地内</t>
    <rPh sb="0" eb="4">
      <t>アシガラカミグン</t>
    </rPh>
    <rPh sb="4" eb="6">
      <t>ヤマキタ</t>
    </rPh>
    <rPh sb="6" eb="7">
      <t>マチ</t>
    </rPh>
    <rPh sb="7" eb="9">
      <t>ヤマキタ</t>
    </rPh>
    <rPh sb="9" eb="10">
      <t>チ</t>
    </rPh>
    <rPh sb="10" eb="11">
      <t>ナイ</t>
    </rPh>
    <phoneticPr fontId="10"/>
  </si>
  <si>
    <t>足柄上郡山北町川西地先他</t>
  </si>
  <si>
    <t>南足柄市中沼地先他</t>
    <rPh sb="0" eb="1">
      <t>ミナミ</t>
    </rPh>
    <rPh sb="1" eb="3">
      <t>アシガラ</t>
    </rPh>
    <rPh sb="3" eb="4">
      <t>シ</t>
    </rPh>
    <rPh sb="4" eb="6">
      <t>ナカヌマ</t>
    </rPh>
    <rPh sb="6" eb="8">
      <t>チサキ</t>
    </rPh>
    <rPh sb="8" eb="9">
      <t>ホカ</t>
    </rPh>
    <phoneticPr fontId="10"/>
  </si>
  <si>
    <t>足柄上郡山北町湯触地内</t>
    <rPh sb="0" eb="7">
      <t>アシガラカミグンヤマキタマチ</t>
    </rPh>
    <rPh sb="7" eb="9">
      <t>ユフ</t>
    </rPh>
    <rPh sb="9" eb="10">
      <t>チ</t>
    </rPh>
    <rPh sb="10" eb="11">
      <t>ナイ</t>
    </rPh>
    <phoneticPr fontId="10"/>
  </si>
  <si>
    <t>南足柄市飯沢地先</t>
  </si>
  <si>
    <t>足柄上郡　松田町　寄地先</t>
    <rPh sb="0" eb="4">
      <t>アシガラカミグン</t>
    </rPh>
    <rPh sb="5" eb="8">
      <t>マツダマチ</t>
    </rPh>
    <rPh sb="9" eb="10">
      <t>キ</t>
    </rPh>
    <rPh sb="10" eb="12">
      <t>チサキ</t>
    </rPh>
    <phoneticPr fontId="10"/>
  </si>
  <si>
    <t>足柄上郡大井町篠窪地内他（篠窪隧道）</t>
    <rPh sb="0" eb="4">
      <t>アシガラカミグン</t>
    </rPh>
    <rPh sb="4" eb="7">
      <t>オオイマチ</t>
    </rPh>
    <rPh sb="7" eb="8">
      <t>シノ</t>
    </rPh>
    <rPh sb="8" eb="9">
      <t>クボ</t>
    </rPh>
    <rPh sb="9" eb="10">
      <t>チ</t>
    </rPh>
    <rPh sb="10" eb="11">
      <t>ナイ</t>
    </rPh>
    <rPh sb="11" eb="12">
      <t>ホカ</t>
    </rPh>
    <rPh sb="13" eb="14">
      <t>シノ</t>
    </rPh>
    <rPh sb="14" eb="15">
      <t>クボ</t>
    </rPh>
    <rPh sb="15" eb="17">
      <t>ズイドウ</t>
    </rPh>
    <phoneticPr fontId="10"/>
  </si>
  <si>
    <t>南足柄市矢倉沢地内</t>
    <rPh sb="0" eb="4">
      <t>ミナミアシガラシ</t>
    </rPh>
    <rPh sb="4" eb="7">
      <t>ヤクラサワ</t>
    </rPh>
    <rPh sb="7" eb="8">
      <t>チ</t>
    </rPh>
    <rPh sb="8" eb="9">
      <t>ナイ</t>
    </rPh>
    <phoneticPr fontId="10"/>
  </si>
  <si>
    <t>足柄上郡中井町鴨沢地内他</t>
    <rPh sb="0" eb="2">
      <t>アシガラ</t>
    </rPh>
    <rPh sb="2" eb="3">
      <t>ウエ</t>
    </rPh>
    <rPh sb="3" eb="4">
      <t>グン</t>
    </rPh>
    <rPh sb="4" eb="7">
      <t>ナカイマチ</t>
    </rPh>
    <rPh sb="7" eb="9">
      <t>カモサワ</t>
    </rPh>
    <rPh sb="9" eb="10">
      <t>チ</t>
    </rPh>
    <rPh sb="10" eb="11">
      <t>ナイ</t>
    </rPh>
    <rPh sb="11" eb="12">
      <t>ホカ</t>
    </rPh>
    <phoneticPr fontId="10"/>
  </si>
  <si>
    <t>足柄上郡松田町寄地内</t>
    <rPh sb="0" eb="4">
      <t>アシガラカミグン</t>
    </rPh>
    <rPh sb="4" eb="7">
      <t>マツダマチ</t>
    </rPh>
    <rPh sb="7" eb="8">
      <t>ヨ</t>
    </rPh>
    <rPh sb="8" eb="10">
      <t>チナイ</t>
    </rPh>
    <phoneticPr fontId="10"/>
  </si>
  <si>
    <t>足柄上郡中井町井ノ口地内</t>
    <rPh sb="0" eb="4">
      <t>アシガラカミグン</t>
    </rPh>
    <rPh sb="4" eb="7">
      <t>ナカイマチ</t>
    </rPh>
    <rPh sb="7" eb="8">
      <t>イ</t>
    </rPh>
    <rPh sb="9" eb="10">
      <t>クチ</t>
    </rPh>
    <rPh sb="10" eb="11">
      <t>チ</t>
    </rPh>
    <rPh sb="11" eb="12">
      <t>ナイ</t>
    </rPh>
    <phoneticPr fontId="10"/>
  </si>
  <si>
    <t>足柄上郡大井町金手地内</t>
    <rPh sb="0" eb="2">
      <t>アシガラ</t>
    </rPh>
    <rPh sb="2" eb="3">
      <t>ウエ</t>
    </rPh>
    <rPh sb="3" eb="4">
      <t>グン</t>
    </rPh>
    <rPh sb="4" eb="7">
      <t>オオイマチ</t>
    </rPh>
    <rPh sb="7" eb="8">
      <t>キン</t>
    </rPh>
    <rPh sb="8" eb="9">
      <t>テ</t>
    </rPh>
    <rPh sb="9" eb="10">
      <t>チ</t>
    </rPh>
    <rPh sb="10" eb="11">
      <t>ナイ</t>
    </rPh>
    <phoneticPr fontId="10"/>
  </si>
  <si>
    <t>南足柄市塚原地内</t>
  </si>
  <si>
    <t>足柄上郡松田町松田庶子地先他</t>
    <rPh sb="0" eb="4">
      <t>アシガラカミグン</t>
    </rPh>
    <rPh sb="4" eb="6">
      <t>マツダ</t>
    </rPh>
    <rPh sb="6" eb="7">
      <t>マチ</t>
    </rPh>
    <rPh sb="7" eb="9">
      <t>マツダ</t>
    </rPh>
    <rPh sb="9" eb="11">
      <t>ショシ</t>
    </rPh>
    <rPh sb="11" eb="13">
      <t>チサキ</t>
    </rPh>
    <rPh sb="13" eb="14">
      <t>ホカ</t>
    </rPh>
    <phoneticPr fontId="10"/>
  </si>
  <si>
    <t>足柄上郡山北町岸地先他</t>
    <rPh sb="7" eb="8">
      <t>キシ</t>
    </rPh>
    <rPh sb="10" eb="11">
      <t>ホカ</t>
    </rPh>
    <phoneticPr fontId="10"/>
  </si>
  <si>
    <t>足柄上郡松田町神山地先</t>
    <rPh sb="0" eb="2">
      <t>アシガラ</t>
    </rPh>
    <rPh sb="2" eb="3">
      <t>カミ</t>
    </rPh>
    <rPh sb="3" eb="4">
      <t>グン</t>
    </rPh>
    <rPh sb="4" eb="7">
      <t>マツダマチ</t>
    </rPh>
    <rPh sb="7" eb="9">
      <t>コウヤマ</t>
    </rPh>
    <rPh sb="9" eb="11">
      <t>チサキ</t>
    </rPh>
    <phoneticPr fontId="10"/>
  </si>
  <si>
    <t>足柄上郡松田町松田惣領地先他</t>
    <rPh sb="0" eb="2">
      <t>アシガラ</t>
    </rPh>
    <rPh sb="2" eb="3">
      <t>カミ</t>
    </rPh>
    <rPh sb="3" eb="4">
      <t>グン</t>
    </rPh>
    <rPh sb="4" eb="7">
      <t>マツダマチ</t>
    </rPh>
    <rPh sb="7" eb="9">
      <t>マツダ</t>
    </rPh>
    <rPh sb="9" eb="11">
      <t>ソウリョウ</t>
    </rPh>
    <rPh sb="11" eb="13">
      <t>チサキ</t>
    </rPh>
    <rPh sb="13" eb="14">
      <t>ホカ</t>
    </rPh>
    <phoneticPr fontId="10"/>
  </si>
  <si>
    <t>足柄上郡山北町谷ケ地先他</t>
    <rPh sb="0" eb="2">
      <t>アシガラ</t>
    </rPh>
    <rPh sb="2" eb="3">
      <t>カミ</t>
    </rPh>
    <rPh sb="3" eb="4">
      <t>グン</t>
    </rPh>
    <rPh sb="4" eb="6">
      <t>ヤマキタ</t>
    </rPh>
    <rPh sb="6" eb="7">
      <t>マチ</t>
    </rPh>
    <rPh sb="7" eb="8">
      <t>タニ</t>
    </rPh>
    <rPh sb="9" eb="11">
      <t>チサキ</t>
    </rPh>
    <rPh sb="11" eb="12">
      <t>ホカ</t>
    </rPh>
    <phoneticPr fontId="10"/>
  </si>
  <si>
    <t>足柄上郡山北町中川地先</t>
    <rPh sb="0" eb="2">
      <t>アシガラ</t>
    </rPh>
    <rPh sb="2" eb="3">
      <t>カミ</t>
    </rPh>
    <rPh sb="3" eb="4">
      <t>グン</t>
    </rPh>
    <rPh sb="4" eb="6">
      <t>ヤマキタ</t>
    </rPh>
    <rPh sb="6" eb="7">
      <t>マチ</t>
    </rPh>
    <rPh sb="7" eb="9">
      <t>ナカガワ</t>
    </rPh>
    <rPh sb="9" eb="11">
      <t>チサキ</t>
    </rPh>
    <phoneticPr fontId="10"/>
  </si>
  <si>
    <t>南足柄市広町地先</t>
    <rPh sb="0" eb="4">
      <t>ミナミアシガラシ</t>
    </rPh>
    <rPh sb="4" eb="6">
      <t>ヒロマチ</t>
    </rPh>
    <rPh sb="6" eb="8">
      <t>チサキ</t>
    </rPh>
    <phoneticPr fontId="10"/>
  </si>
  <si>
    <t>足柄上郡大井町高尾地内</t>
    <rPh sb="0" eb="4">
      <t>アシガラカミグン</t>
    </rPh>
    <rPh sb="4" eb="7">
      <t>オオイマチ</t>
    </rPh>
    <rPh sb="7" eb="9">
      <t>タカオ</t>
    </rPh>
    <rPh sb="9" eb="11">
      <t>チナイ</t>
    </rPh>
    <phoneticPr fontId="10"/>
  </si>
  <si>
    <t>足柄下郡箱根町仙石原地内</t>
    <rPh sb="0" eb="4">
      <t>アシガラシモグン</t>
    </rPh>
    <rPh sb="4" eb="7">
      <t>ハコネマチ</t>
    </rPh>
    <rPh sb="7" eb="10">
      <t>センゴクハラ</t>
    </rPh>
    <phoneticPr fontId="9"/>
  </si>
  <si>
    <t>小田原市多古地内</t>
    <rPh sb="0" eb="3">
      <t>オダワラ</t>
    </rPh>
    <rPh sb="3" eb="4">
      <t>シ</t>
    </rPh>
    <rPh sb="4" eb="6">
      <t>タコ</t>
    </rPh>
    <rPh sb="6" eb="8">
      <t>チナイ</t>
    </rPh>
    <phoneticPr fontId="9"/>
  </si>
  <si>
    <t>小田原市板橋地内</t>
    <rPh sb="0" eb="4">
      <t>オダワラシ</t>
    </rPh>
    <rPh sb="4" eb="6">
      <t>イタバシ</t>
    </rPh>
    <rPh sb="6" eb="7">
      <t>チ</t>
    </rPh>
    <rPh sb="7" eb="8">
      <t>ナイ</t>
    </rPh>
    <phoneticPr fontId="9"/>
  </si>
  <si>
    <t>小田原市風祭地先</t>
    <rPh sb="0" eb="4">
      <t>オダワラシ</t>
    </rPh>
    <rPh sb="4" eb="6">
      <t>カザマツリ</t>
    </rPh>
    <rPh sb="6" eb="8">
      <t>チサキ</t>
    </rPh>
    <phoneticPr fontId="9"/>
  </si>
  <si>
    <t>足柄下郡箱根町仙石原地内（D工区）</t>
    <rPh sb="0" eb="2">
      <t>アシガラ</t>
    </rPh>
    <rPh sb="2" eb="4">
      <t>シモグン</t>
    </rPh>
    <rPh sb="4" eb="7">
      <t>ハコネマチ</t>
    </rPh>
    <rPh sb="7" eb="10">
      <t>センゴクハラ</t>
    </rPh>
    <rPh sb="14" eb="16">
      <t>コウク</t>
    </rPh>
    <phoneticPr fontId="9"/>
  </si>
  <si>
    <t>足柄下郡箱根町強羅地内</t>
    <rPh sb="0" eb="4">
      <t>アシガラシモグン</t>
    </rPh>
    <rPh sb="4" eb="7">
      <t>ハコネマチ</t>
    </rPh>
    <rPh sb="7" eb="9">
      <t>ゴウラ</t>
    </rPh>
    <rPh sb="9" eb="10">
      <t>チ</t>
    </rPh>
    <phoneticPr fontId="9"/>
  </si>
  <si>
    <t>小田原市寿町五丁目～南鴨宮一丁目地内（小田原大橋）</t>
  </si>
  <si>
    <t>小田原市下大井地内</t>
    <rPh sb="0" eb="4">
      <t>オダワラシ</t>
    </rPh>
    <rPh sb="4" eb="5">
      <t>シモ</t>
    </rPh>
    <rPh sb="5" eb="7">
      <t>オオイ</t>
    </rPh>
    <rPh sb="7" eb="9">
      <t>チナイ</t>
    </rPh>
    <phoneticPr fontId="14"/>
  </si>
  <si>
    <t>足柄下郡箱根町二ノ平地内</t>
  </si>
  <si>
    <t>足柄下郡箱根町畑宿地内</t>
  </si>
  <si>
    <t>小田原市飯泉地内</t>
    <rPh sb="0" eb="3">
      <t>オダワラ</t>
    </rPh>
    <rPh sb="3" eb="4">
      <t>シ</t>
    </rPh>
    <rPh sb="4" eb="6">
      <t>イイズミ</t>
    </rPh>
    <rPh sb="6" eb="8">
      <t>チナイ</t>
    </rPh>
    <phoneticPr fontId="14"/>
  </si>
  <si>
    <t>小田原市前川地先</t>
  </si>
  <si>
    <t>小田原市飯田岡地先他</t>
  </si>
  <si>
    <t>小田原市小竹地先</t>
  </si>
  <si>
    <t>小田原市清水新田地先他</t>
  </si>
  <si>
    <t>足柄下郡箱根町仙石原地先他</t>
    <rPh sb="0" eb="4">
      <t>アシガラシモグン</t>
    </rPh>
    <rPh sb="4" eb="7">
      <t>ハコネマチ</t>
    </rPh>
    <rPh sb="7" eb="10">
      <t>センゴクバラ</t>
    </rPh>
    <rPh sb="10" eb="12">
      <t>チサキ</t>
    </rPh>
    <rPh sb="12" eb="13">
      <t>ホカ</t>
    </rPh>
    <phoneticPr fontId="14"/>
  </si>
  <si>
    <t>小田原市板橋地内</t>
    <rPh sb="0" eb="4">
      <t>オダワラシ</t>
    </rPh>
    <rPh sb="4" eb="6">
      <t>イタバシ</t>
    </rPh>
    <rPh sb="6" eb="7">
      <t>チ</t>
    </rPh>
    <rPh sb="7" eb="8">
      <t>ナイ</t>
    </rPh>
    <phoneticPr fontId="14"/>
  </si>
  <si>
    <t>足柄下郡箱根町元箱根地内</t>
    <rPh sb="0" eb="4">
      <t>アシガラシモグン</t>
    </rPh>
    <rPh sb="4" eb="7">
      <t>ハコネマチ</t>
    </rPh>
    <rPh sb="7" eb="10">
      <t>モトハコネ</t>
    </rPh>
    <rPh sb="10" eb="12">
      <t>チナイ</t>
    </rPh>
    <phoneticPr fontId="14"/>
  </si>
  <si>
    <t>足柄下郡箱根町大平台地内</t>
    <rPh sb="0" eb="4">
      <t>アシガラシモグン</t>
    </rPh>
    <rPh sb="4" eb="7">
      <t>ハコネマチ</t>
    </rPh>
    <rPh sb="7" eb="9">
      <t>オオヒラ</t>
    </rPh>
    <rPh sb="9" eb="10">
      <t>ダイ</t>
    </rPh>
    <rPh sb="10" eb="11">
      <t>チ</t>
    </rPh>
    <rPh sb="11" eb="12">
      <t>ナイ</t>
    </rPh>
    <phoneticPr fontId="14"/>
  </si>
  <si>
    <t>足柄下郡真鶴町岩地内</t>
    <rPh sb="0" eb="4">
      <t>アシガラシモグン</t>
    </rPh>
    <rPh sb="4" eb="7">
      <t>マナヅルマチ</t>
    </rPh>
    <rPh sb="7" eb="8">
      <t>イワ</t>
    </rPh>
    <rPh sb="8" eb="9">
      <t>チ</t>
    </rPh>
    <rPh sb="9" eb="10">
      <t>ナイ</t>
    </rPh>
    <phoneticPr fontId="14"/>
  </si>
  <si>
    <t>小田原市上曽我地内</t>
    <rPh sb="0" eb="4">
      <t>オダワラシ</t>
    </rPh>
    <rPh sb="4" eb="5">
      <t>カミ</t>
    </rPh>
    <rPh sb="5" eb="7">
      <t>ソガ</t>
    </rPh>
    <rPh sb="7" eb="8">
      <t>チ</t>
    </rPh>
    <rPh sb="8" eb="9">
      <t>ナイ</t>
    </rPh>
    <phoneticPr fontId="14"/>
  </si>
  <si>
    <t>小田原市根府川～米神地内（片浦橋）</t>
    <rPh sb="0" eb="4">
      <t>オダワラシ</t>
    </rPh>
    <rPh sb="4" eb="16">
      <t>ネブカワカラコメカミチナイ（カタウラバシ</t>
    </rPh>
    <phoneticPr fontId="14"/>
  </si>
  <si>
    <t>足柄下郡箱根町芦之湯地内</t>
    <rPh sb="0" eb="4">
      <t>アシガラシモグン</t>
    </rPh>
    <rPh sb="4" eb="7">
      <t>ハコネマチ</t>
    </rPh>
    <rPh sb="7" eb="10">
      <t>アシノユ</t>
    </rPh>
    <rPh sb="10" eb="11">
      <t>チ</t>
    </rPh>
    <rPh sb="11" eb="12">
      <t>ナイ</t>
    </rPh>
    <phoneticPr fontId="14"/>
  </si>
  <si>
    <t>小田原市鴨宮地内他</t>
    <rPh sb="0" eb="4">
      <t>オダワラシ</t>
    </rPh>
    <rPh sb="4" eb="6">
      <t>カモノミヤ</t>
    </rPh>
    <rPh sb="6" eb="7">
      <t>チ</t>
    </rPh>
    <rPh sb="7" eb="8">
      <t>ナイ</t>
    </rPh>
    <rPh sb="8" eb="9">
      <t>ホカ</t>
    </rPh>
    <phoneticPr fontId="21"/>
  </si>
  <si>
    <t>小田原市根府川地内</t>
    <rPh sb="0" eb="4">
      <t>オダワラシ</t>
    </rPh>
    <rPh sb="4" eb="7">
      <t>ネブカワ</t>
    </rPh>
    <rPh sb="7" eb="8">
      <t>チ</t>
    </rPh>
    <rPh sb="8" eb="9">
      <t>ナイ</t>
    </rPh>
    <phoneticPr fontId="14"/>
  </si>
  <si>
    <t>足柄下郡湯河原町土肥三丁目地先他</t>
    <rPh sb="0" eb="8">
      <t>アシガラシモグンユガワラマチ</t>
    </rPh>
    <rPh sb="8" eb="13">
      <t>トイサンチョウメ</t>
    </rPh>
    <rPh sb="13" eb="15">
      <t>チサキ</t>
    </rPh>
    <rPh sb="15" eb="16">
      <t>ホカ</t>
    </rPh>
    <phoneticPr fontId="14"/>
  </si>
  <si>
    <t>足柄下郡箱根町底倉地内（八千代橋）</t>
  </si>
  <si>
    <t>小田原市曽我谷津地内他</t>
  </si>
  <si>
    <t>足柄下郡箱根町仙石原地内</t>
    <rPh sb="0" eb="2">
      <t>アシガラ</t>
    </rPh>
    <rPh sb="2" eb="4">
      <t>シモグン</t>
    </rPh>
    <rPh sb="4" eb="7">
      <t>ハコネマチ</t>
    </rPh>
    <phoneticPr fontId="21"/>
  </si>
  <si>
    <t>小田原市穴部～蓮正寺地内</t>
    <rPh sb="0" eb="4">
      <t>オダワラシ</t>
    </rPh>
    <rPh sb="4" eb="6">
      <t>アナベ</t>
    </rPh>
    <rPh sb="7" eb="10">
      <t>レンショウジ</t>
    </rPh>
    <rPh sb="10" eb="11">
      <t>チ</t>
    </rPh>
    <rPh sb="11" eb="12">
      <t>ナイ</t>
    </rPh>
    <phoneticPr fontId="14"/>
  </si>
  <si>
    <t>小田原市前川地内</t>
    <rPh sb="6" eb="8">
      <t>チナイ</t>
    </rPh>
    <phoneticPr fontId="14"/>
  </si>
  <si>
    <t>足柄下郡箱根町宮城野地先他</t>
    <rPh sb="0" eb="4">
      <t>アシガラシモグン</t>
    </rPh>
    <rPh sb="4" eb="6">
      <t>ハコネ</t>
    </rPh>
    <rPh sb="6" eb="7">
      <t>マチ</t>
    </rPh>
    <rPh sb="7" eb="10">
      <t>ミヤギノ</t>
    </rPh>
    <rPh sb="10" eb="13">
      <t>チサキホカ</t>
    </rPh>
    <phoneticPr fontId="14"/>
  </si>
  <si>
    <t>足柄下郡箱根町宮ノ下地先他</t>
    <rPh sb="0" eb="4">
      <t>アシガラシモグン</t>
    </rPh>
    <rPh sb="4" eb="7">
      <t>ハコネマチ</t>
    </rPh>
    <rPh sb="7" eb="8">
      <t>ミヤ</t>
    </rPh>
    <rPh sb="9" eb="10">
      <t>シタ</t>
    </rPh>
    <rPh sb="10" eb="12">
      <t>チサキ</t>
    </rPh>
    <rPh sb="12" eb="13">
      <t>ホカ</t>
    </rPh>
    <phoneticPr fontId="14"/>
  </si>
  <si>
    <t>足柄下郡箱根町宮城野地先</t>
    <rPh sb="0" eb="4">
      <t>アシガラシモグン</t>
    </rPh>
    <rPh sb="4" eb="7">
      <t>ハコネマチ</t>
    </rPh>
    <rPh sb="7" eb="10">
      <t>ミヤギノ</t>
    </rPh>
    <rPh sb="10" eb="12">
      <t>チサキ</t>
    </rPh>
    <phoneticPr fontId="14"/>
  </si>
  <si>
    <t>足柄下郡湯河原町土肥五丁目地内他</t>
    <rPh sb="0" eb="4">
      <t>アシガラシモグン</t>
    </rPh>
    <rPh sb="4" eb="8">
      <t>ユガワラマチ</t>
    </rPh>
    <rPh sb="8" eb="10">
      <t>ドイ</t>
    </rPh>
    <rPh sb="10" eb="11">
      <t>イ</t>
    </rPh>
    <rPh sb="11" eb="13">
      <t>チョウメ</t>
    </rPh>
    <rPh sb="13" eb="14">
      <t>チ</t>
    </rPh>
    <rPh sb="14" eb="15">
      <t>ナイ</t>
    </rPh>
    <rPh sb="15" eb="16">
      <t>ホカ</t>
    </rPh>
    <phoneticPr fontId="14"/>
  </si>
  <si>
    <t>小田原市国府津四丁目地内</t>
    <rPh sb="0" eb="4">
      <t>オダワラシ</t>
    </rPh>
    <rPh sb="10" eb="12">
      <t>チナイ</t>
    </rPh>
    <phoneticPr fontId="14"/>
  </si>
  <si>
    <t>小田原市栄町三丁目地内</t>
    <rPh sb="0" eb="4">
      <t>オダワラシ</t>
    </rPh>
    <rPh sb="4" eb="6">
      <t>サカエマチ</t>
    </rPh>
    <rPh sb="6" eb="9">
      <t>サンチョウメ</t>
    </rPh>
    <rPh sb="9" eb="10">
      <t>チ</t>
    </rPh>
    <rPh sb="10" eb="11">
      <t>ナイ</t>
    </rPh>
    <phoneticPr fontId="14"/>
  </si>
  <si>
    <t>足柄下郡湯河原町土肥一丁目地内他</t>
    <rPh sb="0" eb="4">
      <t>アシガラシモグン</t>
    </rPh>
    <rPh sb="4" eb="8">
      <t>ユガワラマチ</t>
    </rPh>
    <rPh sb="8" eb="10">
      <t>ドイ</t>
    </rPh>
    <rPh sb="10" eb="13">
      <t>イッチョウメ</t>
    </rPh>
    <rPh sb="13" eb="14">
      <t>チ</t>
    </rPh>
    <rPh sb="14" eb="15">
      <t>ナイ</t>
    </rPh>
    <rPh sb="15" eb="16">
      <t>ホカ</t>
    </rPh>
    <phoneticPr fontId="14"/>
  </si>
  <si>
    <t>足柄下郡箱根町仙石原地内</t>
    <rPh sb="0" eb="12">
      <t>アシガラシモグンハコネマチセンゴクハラチナイ</t>
    </rPh>
    <phoneticPr fontId="21"/>
  </si>
  <si>
    <t>大黒屋建設</t>
  </si>
  <si>
    <t>小田原市東町五丁目地先他</t>
  </si>
  <si>
    <t>足柄下郡湯河原町鍛冶屋地内</t>
    <rPh sb="0" eb="4">
      <t>アシガラシモグン</t>
    </rPh>
    <rPh sb="4" eb="8">
      <t>ユガワラマチ</t>
    </rPh>
    <rPh sb="8" eb="11">
      <t>カジヤ</t>
    </rPh>
    <rPh sb="11" eb="12">
      <t>チ</t>
    </rPh>
    <rPh sb="12" eb="13">
      <t>ナイ</t>
    </rPh>
    <phoneticPr fontId="14"/>
  </si>
  <si>
    <t>足柄下郡箱根町仙石原地内（Ｅ工区）</t>
    <rPh sb="0" eb="4">
      <t>アシガラシモグン</t>
    </rPh>
    <rPh sb="4" eb="7">
      <t>ハコネマチ</t>
    </rPh>
    <rPh sb="7" eb="10">
      <t>センゴクハラ</t>
    </rPh>
    <rPh sb="14" eb="16">
      <t>コウク</t>
    </rPh>
    <phoneticPr fontId="14"/>
  </si>
  <si>
    <t>足柄下郡箱根町仙石原地内（Ｆ工区）</t>
    <rPh sb="0" eb="4">
      <t>アシガラシモグン</t>
    </rPh>
    <rPh sb="4" eb="7">
      <t>ハコネマチ</t>
    </rPh>
    <rPh sb="7" eb="10">
      <t>センゴクハラ</t>
    </rPh>
    <rPh sb="14" eb="16">
      <t>コウク</t>
    </rPh>
    <phoneticPr fontId="14"/>
  </si>
  <si>
    <t>小田原市米神地内</t>
  </si>
  <si>
    <t>小田原市根府川地内（白糸橋）</t>
  </si>
  <si>
    <t>足柄下郡箱根町湯本茶屋地内</t>
    <rPh sb="0" eb="2">
      <t>アシガラ</t>
    </rPh>
    <rPh sb="2" eb="4">
      <t>シモグン</t>
    </rPh>
    <rPh sb="4" eb="7">
      <t>ハコネマチ</t>
    </rPh>
    <rPh sb="7" eb="9">
      <t>ユモト</t>
    </rPh>
    <rPh sb="9" eb="11">
      <t>チャヤ</t>
    </rPh>
    <rPh sb="11" eb="13">
      <t>チナイ</t>
    </rPh>
    <phoneticPr fontId="14"/>
  </si>
  <si>
    <t>小田原市下大井地内他</t>
    <rPh sb="0" eb="4">
      <t>オダワラシ</t>
    </rPh>
    <rPh sb="4" eb="5">
      <t>シモ</t>
    </rPh>
    <rPh sb="5" eb="7">
      <t>オオイ</t>
    </rPh>
    <rPh sb="7" eb="9">
      <t>チナイ</t>
    </rPh>
    <rPh sb="9" eb="10">
      <t>ホカ</t>
    </rPh>
    <phoneticPr fontId="14"/>
  </si>
  <si>
    <t>足柄下郡箱根町仙石原地内</t>
    <rPh sb="0" eb="4">
      <t>アシガラシモグン</t>
    </rPh>
    <rPh sb="4" eb="7">
      <t>ハコネマチ</t>
    </rPh>
    <rPh sb="7" eb="10">
      <t>センゴクバラ</t>
    </rPh>
    <rPh sb="10" eb="12">
      <t>チナイ</t>
    </rPh>
    <phoneticPr fontId="21"/>
  </si>
  <si>
    <t>足柄下郡箱根町強羅地内</t>
    <rPh sb="0" eb="4">
      <t>アシガラシモグン</t>
    </rPh>
    <rPh sb="7" eb="9">
      <t>ゴウラ</t>
    </rPh>
    <rPh sb="9" eb="11">
      <t>チナイ</t>
    </rPh>
    <phoneticPr fontId="14"/>
  </si>
  <si>
    <t>小田原市早川一丁目～南町四丁目地内（早川橋）</t>
    <rPh sb="0" eb="3">
      <t>オダワラ</t>
    </rPh>
    <rPh sb="3" eb="4">
      <t>シ</t>
    </rPh>
    <rPh sb="4" eb="6">
      <t>ハヤカワ</t>
    </rPh>
    <rPh sb="6" eb="9">
      <t>１チョウメ</t>
    </rPh>
    <rPh sb="10" eb="11">
      <t>ミナミ</t>
    </rPh>
    <rPh sb="11" eb="12">
      <t>チョウ</t>
    </rPh>
    <rPh sb="12" eb="15">
      <t>４チョウメ</t>
    </rPh>
    <rPh sb="15" eb="16">
      <t>チ</t>
    </rPh>
    <rPh sb="16" eb="17">
      <t>ナイ</t>
    </rPh>
    <rPh sb="18" eb="20">
      <t>ハヤカワ</t>
    </rPh>
    <rPh sb="20" eb="21">
      <t>ハシ</t>
    </rPh>
    <phoneticPr fontId="14"/>
  </si>
  <si>
    <t>小田原市国府津地内（国府津歩道橋）</t>
    <rPh sb="0" eb="4">
      <t>オダワラシ</t>
    </rPh>
    <rPh sb="4" eb="7">
      <t>コウヅ</t>
    </rPh>
    <rPh sb="7" eb="8">
      <t>チ</t>
    </rPh>
    <rPh sb="8" eb="9">
      <t>ナイ</t>
    </rPh>
    <rPh sb="10" eb="13">
      <t>コウヅ</t>
    </rPh>
    <rPh sb="13" eb="16">
      <t>ホドウキョウ</t>
    </rPh>
    <phoneticPr fontId="14"/>
  </si>
  <si>
    <t>小田原市扇町二丁目地内他（多古歩道橋）</t>
  </si>
  <si>
    <t>小田原市石橋地内他</t>
  </si>
  <si>
    <t>足柄下郡箱根町元箱根地先他</t>
  </si>
  <si>
    <t>小田原市南板橋二丁目地先</t>
  </si>
  <si>
    <t>小田原市成田地先他</t>
  </si>
  <si>
    <t>足柄下郡箱根町宮城野地先</t>
    <rPh sb="0" eb="4">
      <t>アシガラシモグン</t>
    </rPh>
    <rPh sb="4" eb="7">
      <t>ハコネマチ</t>
    </rPh>
    <rPh sb="7" eb="10">
      <t>ミヤギノ</t>
    </rPh>
    <rPh sb="10" eb="12">
      <t>チサキ</t>
    </rPh>
    <phoneticPr fontId="5"/>
  </si>
  <si>
    <t>足柄下郡箱根町宮城野地内</t>
    <rPh sb="0" eb="4">
      <t>アシガラシモグン</t>
    </rPh>
    <rPh sb="4" eb="7">
      <t>ハコネマチ</t>
    </rPh>
    <rPh sb="7" eb="10">
      <t>ミヤギノ</t>
    </rPh>
    <rPh sb="10" eb="12">
      <t>ジナイ</t>
    </rPh>
    <phoneticPr fontId="5"/>
  </si>
  <si>
    <t>足柄下郡箱根町仙石原地内</t>
    <rPh sb="0" eb="4">
      <t>アシガラシモグン</t>
    </rPh>
    <rPh sb="4" eb="7">
      <t>ハコネマチ</t>
    </rPh>
    <rPh sb="7" eb="10">
      <t>センゴクハラ</t>
    </rPh>
    <rPh sb="10" eb="11">
      <t>チ</t>
    </rPh>
    <rPh sb="11" eb="12">
      <t>ナイ</t>
    </rPh>
    <phoneticPr fontId="5"/>
  </si>
  <si>
    <t>小田原市中新田～扇町四丁目地内（飯泉橋）</t>
    <rPh sb="0" eb="4">
      <t>オダワラシ</t>
    </rPh>
    <rPh sb="4" eb="13">
      <t>ナカシンデンカラオオギチョウ４チョウメ</t>
    </rPh>
    <rPh sb="13" eb="15">
      <t>チナイ</t>
    </rPh>
    <rPh sb="16" eb="19">
      <t>イイズミバシ</t>
    </rPh>
    <phoneticPr fontId="5"/>
  </si>
  <si>
    <t>小田原市江之浦地内</t>
    <rPh sb="0" eb="4">
      <t>オダワラシ</t>
    </rPh>
    <rPh sb="4" eb="7">
      <t>エノウラ</t>
    </rPh>
    <rPh sb="7" eb="9">
      <t>チナイ</t>
    </rPh>
    <phoneticPr fontId="5"/>
  </si>
  <si>
    <t>小田原市石橋地内</t>
    <rPh sb="0" eb="4">
      <t>オダワラシ</t>
    </rPh>
    <phoneticPr fontId="5"/>
  </si>
  <si>
    <t>足柄下郡箱根町仙石原地内他</t>
    <rPh sb="0" eb="4">
      <t>アシガラシモグン</t>
    </rPh>
    <rPh sb="4" eb="7">
      <t>ハコネマチ</t>
    </rPh>
    <rPh sb="7" eb="10">
      <t>センゴクハラ</t>
    </rPh>
    <rPh sb="10" eb="11">
      <t>チ</t>
    </rPh>
    <rPh sb="11" eb="12">
      <t>ナイ</t>
    </rPh>
    <rPh sb="12" eb="13">
      <t>ホカ</t>
    </rPh>
    <phoneticPr fontId="5"/>
  </si>
  <si>
    <t>小田原市国府津地内他</t>
    <rPh sb="0" eb="4">
      <t>オダワラシ</t>
    </rPh>
    <rPh sb="7" eb="8">
      <t>チ</t>
    </rPh>
    <rPh sb="8" eb="9">
      <t>ナイ</t>
    </rPh>
    <rPh sb="9" eb="10">
      <t>ホカ</t>
    </rPh>
    <phoneticPr fontId="5"/>
  </si>
  <si>
    <t>足柄下郡真鶴町岩地内他（屏風岩隧道他）</t>
  </si>
  <si>
    <t>足柄下郡箱根町宮城野地内（碓氷洞門）</t>
    <rPh sb="0" eb="4">
      <t>アシガラシモグン</t>
    </rPh>
    <rPh sb="4" eb="7">
      <t>ハコネマチ</t>
    </rPh>
    <rPh sb="7" eb="10">
      <t>ミヤギノ</t>
    </rPh>
    <rPh sb="10" eb="11">
      <t>チ</t>
    </rPh>
    <rPh sb="11" eb="12">
      <t>ナイ</t>
    </rPh>
    <rPh sb="13" eb="15">
      <t>ウスイ</t>
    </rPh>
    <rPh sb="15" eb="17">
      <t>ドウモン</t>
    </rPh>
    <phoneticPr fontId="6"/>
  </si>
  <si>
    <t xml:space="preserve">足柄下郡真鶴町真鶴地内
（真鶴歩道橋）
</t>
  </si>
  <si>
    <t>小田原市早川一丁目地内他</t>
    <rPh sb="0" eb="4">
      <t>オダワラシ</t>
    </rPh>
    <rPh sb="4" eb="6">
      <t>ハヤカワ</t>
    </rPh>
    <rPh sb="6" eb="9">
      <t>イッチョウメ</t>
    </rPh>
    <rPh sb="9" eb="11">
      <t>チナイ</t>
    </rPh>
    <rPh sb="11" eb="12">
      <t>ホカ</t>
    </rPh>
    <phoneticPr fontId="5"/>
  </si>
  <si>
    <t>小田原市根府川地内他</t>
    <rPh sb="0" eb="4">
      <t>オダワラシ</t>
    </rPh>
    <rPh sb="9" eb="10">
      <t>ホカ</t>
    </rPh>
    <phoneticPr fontId="5"/>
  </si>
  <si>
    <t>足柄下郡真鶴町岩地内他</t>
    <rPh sb="0" eb="4">
      <t>アシガラシモグン</t>
    </rPh>
    <rPh sb="10" eb="11">
      <t>ホカ</t>
    </rPh>
    <phoneticPr fontId="5"/>
  </si>
  <si>
    <t>小田原市久野地内</t>
    <rPh sb="0" eb="4">
      <t>オダワラシ</t>
    </rPh>
    <rPh sb="4" eb="6">
      <t>クノ</t>
    </rPh>
    <rPh sb="6" eb="7">
      <t>チ</t>
    </rPh>
    <rPh sb="7" eb="8">
      <t>ナイ</t>
    </rPh>
    <phoneticPr fontId="5"/>
  </si>
  <si>
    <t>小田原市根府川地内（根府川陸橋）</t>
    <rPh sb="0" eb="3">
      <t>オダワラ</t>
    </rPh>
    <rPh sb="3" eb="4">
      <t>シ</t>
    </rPh>
    <rPh sb="4" eb="7">
      <t>ネブカワ</t>
    </rPh>
    <rPh sb="7" eb="9">
      <t>チナイ</t>
    </rPh>
    <rPh sb="10" eb="13">
      <t>ネブカワ</t>
    </rPh>
    <rPh sb="13" eb="15">
      <t>リッキョウ</t>
    </rPh>
    <phoneticPr fontId="5"/>
  </si>
  <si>
    <t>足柄下郡真鶴町　真鶴地先</t>
    <rPh sb="0" eb="4">
      <t>アシガラシモグン</t>
    </rPh>
    <rPh sb="8" eb="10">
      <t>マナヅル</t>
    </rPh>
    <rPh sb="10" eb="12">
      <t>チサキ</t>
    </rPh>
    <phoneticPr fontId="5"/>
  </si>
  <si>
    <t>小田原市中新田地先他</t>
  </si>
  <si>
    <t>小田原市中曽根地先他</t>
  </si>
  <si>
    <t>小田原市鬼柳地先</t>
    <rPh sb="0" eb="4">
      <t>オダワラシ</t>
    </rPh>
    <rPh sb="4" eb="6">
      <t>オニヤナギ</t>
    </rPh>
    <rPh sb="6" eb="8">
      <t>チサキ</t>
    </rPh>
    <phoneticPr fontId="5"/>
  </si>
  <si>
    <t>足柄下郡湯河原町吉浜地先</t>
    <rPh sb="0" eb="4">
      <t>アシガラシモグン</t>
    </rPh>
    <rPh sb="4" eb="8">
      <t>ユガワラマチ</t>
    </rPh>
    <rPh sb="8" eb="10">
      <t>ヨシハマ</t>
    </rPh>
    <rPh sb="10" eb="12">
      <t>チサキ</t>
    </rPh>
    <phoneticPr fontId="5"/>
  </si>
  <si>
    <t>足柄下郡湯河原町宮上地内</t>
    <rPh sb="0" eb="4">
      <t>アシガラシモグン</t>
    </rPh>
    <rPh sb="4" eb="8">
      <t>ユガワラマチ</t>
    </rPh>
    <rPh sb="8" eb="10">
      <t>ミヤカミ</t>
    </rPh>
    <rPh sb="10" eb="11">
      <t>チ</t>
    </rPh>
    <rPh sb="11" eb="12">
      <t>ナイ</t>
    </rPh>
    <phoneticPr fontId="5"/>
  </si>
  <si>
    <t>小田原市早川地先</t>
    <rPh sb="0" eb="4">
      <t>オダワラシ</t>
    </rPh>
    <rPh sb="4" eb="6">
      <t>ハヤカワ</t>
    </rPh>
    <rPh sb="6" eb="8">
      <t>チサキ</t>
    </rPh>
    <phoneticPr fontId="5"/>
  </si>
  <si>
    <t>小田原市上曽我地先他</t>
    <rPh sb="0" eb="4">
      <t>オダワラシ</t>
    </rPh>
    <rPh sb="8" eb="9">
      <t>サキ</t>
    </rPh>
    <rPh sb="9" eb="10">
      <t>ホカ</t>
    </rPh>
    <phoneticPr fontId="5"/>
  </si>
  <si>
    <t>足柄下郡箱根町強羅地内</t>
    <rPh sb="0" eb="4">
      <t>アシガラシモグン</t>
    </rPh>
    <rPh sb="4" eb="7">
      <t>ハコネマチ</t>
    </rPh>
    <rPh sb="7" eb="9">
      <t>ゴウラ</t>
    </rPh>
    <rPh sb="9" eb="11">
      <t>チナイ</t>
    </rPh>
    <phoneticPr fontId="14"/>
  </si>
  <si>
    <t>横浜市都筑区荏田東四丁目地先</t>
    <rPh sb="0" eb="3">
      <t>ヨコハマシ</t>
    </rPh>
    <rPh sb="3" eb="6">
      <t>ツヅキク</t>
    </rPh>
    <rPh sb="6" eb="8">
      <t>エダ</t>
    </rPh>
    <rPh sb="8" eb="9">
      <t>ヒガシ</t>
    </rPh>
    <rPh sb="9" eb="12">
      <t>ヨンチョウメ</t>
    </rPh>
    <rPh sb="12" eb="14">
      <t>チサキ</t>
    </rPh>
    <phoneticPr fontId="5"/>
  </si>
  <si>
    <t>横浜市金沢区六浦東一丁目地内</t>
    <rPh sb="0" eb="3">
      <t>ヨコハマシ</t>
    </rPh>
    <rPh sb="3" eb="6">
      <t>カナザワク</t>
    </rPh>
    <rPh sb="6" eb="8">
      <t>ムツウラ</t>
    </rPh>
    <rPh sb="8" eb="9">
      <t>ヒガシ</t>
    </rPh>
    <rPh sb="9" eb="12">
      <t>イッチョウメ</t>
    </rPh>
    <rPh sb="12" eb="14">
      <t>チナイ</t>
    </rPh>
    <phoneticPr fontId="6"/>
  </si>
  <si>
    <t>横浜市保土ケ谷区花見台地内</t>
    <rPh sb="0" eb="3">
      <t>ヨコハマシ</t>
    </rPh>
    <rPh sb="3" eb="8">
      <t>ホドガヤク</t>
    </rPh>
    <rPh sb="8" eb="11">
      <t>ハナミダイ</t>
    </rPh>
    <rPh sb="11" eb="12">
      <t>チ</t>
    </rPh>
    <rPh sb="12" eb="13">
      <t>ナイ</t>
    </rPh>
    <phoneticPr fontId="5"/>
  </si>
  <si>
    <t>横浜市保土ケ谷区花見台地内</t>
  </si>
  <si>
    <t>横浜市磯子区磯子一丁目地先</t>
  </si>
  <si>
    <t>横浜市金沢区柳町地先他</t>
  </si>
  <si>
    <t>横浜市鶴見区三ツ池公園地内</t>
    <rPh sb="3" eb="6">
      <t>ツルミク</t>
    </rPh>
    <rPh sb="6" eb="7">
      <t>ミ</t>
    </rPh>
    <rPh sb="8" eb="9">
      <t>イケ</t>
    </rPh>
    <rPh sb="9" eb="11">
      <t>コウエン</t>
    </rPh>
    <rPh sb="11" eb="13">
      <t>チナイ</t>
    </rPh>
    <phoneticPr fontId="5"/>
  </si>
  <si>
    <t>横浜市中区根岸加曽台地内</t>
    <rPh sb="0" eb="3">
      <t>ヨコハマシ</t>
    </rPh>
    <rPh sb="3" eb="5">
      <t>ナカク</t>
    </rPh>
    <rPh sb="5" eb="7">
      <t>ネギシ</t>
    </rPh>
    <rPh sb="7" eb="8">
      <t>カ</t>
    </rPh>
    <rPh sb="8" eb="9">
      <t>ソウ</t>
    </rPh>
    <rPh sb="9" eb="10">
      <t>ダイ</t>
    </rPh>
    <rPh sb="10" eb="11">
      <t>チ</t>
    </rPh>
    <rPh sb="11" eb="12">
      <t>ナイ</t>
    </rPh>
    <phoneticPr fontId="5"/>
  </si>
  <si>
    <t>横浜市西区平沼一丁目地先他</t>
    <rPh sb="0" eb="5">
      <t>ニシク</t>
    </rPh>
    <rPh sb="5" eb="7">
      <t>ヒラヌマ</t>
    </rPh>
    <rPh sb="7" eb="8">
      <t>イチ</t>
    </rPh>
    <rPh sb="8" eb="10">
      <t>チョウメ</t>
    </rPh>
    <rPh sb="10" eb="11">
      <t>チ</t>
    </rPh>
    <rPh sb="11" eb="12">
      <t>サキ</t>
    </rPh>
    <rPh sb="12" eb="13">
      <t>ホカ</t>
    </rPh>
    <phoneticPr fontId="6"/>
  </si>
  <si>
    <t>横浜市都筑区川和町地先他</t>
    <rPh sb="0" eb="3">
      <t>ヨコハマシ</t>
    </rPh>
    <rPh sb="3" eb="5">
      <t>ツヅキ</t>
    </rPh>
    <rPh sb="5" eb="6">
      <t>ク</t>
    </rPh>
    <rPh sb="6" eb="8">
      <t>カワワ</t>
    </rPh>
    <rPh sb="8" eb="9">
      <t>マチ</t>
    </rPh>
    <rPh sb="9" eb="11">
      <t>チサキ</t>
    </rPh>
    <rPh sb="11" eb="12">
      <t>ホカ</t>
    </rPh>
    <phoneticPr fontId="5"/>
  </si>
  <si>
    <t>横浜市青葉区さつきが丘地先他</t>
    <rPh sb="0" eb="3">
      <t>ヨコハマシ</t>
    </rPh>
    <rPh sb="3" eb="6">
      <t>アオバク</t>
    </rPh>
    <rPh sb="10" eb="11">
      <t>オカ</t>
    </rPh>
    <rPh sb="11" eb="13">
      <t>チサキ</t>
    </rPh>
    <rPh sb="13" eb="14">
      <t>ホカ</t>
    </rPh>
    <phoneticPr fontId="5"/>
  </si>
  <si>
    <t>横浜市港南区笹下三丁目地先他</t>
  </si>
  <si>
    <t>横浜市戸塚区上倉田町地先他</t>
  </si>
  <si>
    <t>横浜市港南区日野五丁目地先他</t>
  </si>
  <si>
    <t>横浜市鶴見区鶴見二丁目地内</t>
    <rPh sb="0" eb="2">
      <t>ヨコハマ</t>
    </rPh>
    <rPh sb="2" eb="3">
      <t>シ</t>
    </rPh>
    <rPh sb="3" eb="5">
      <t>ツルミ</t>
    </rPh>
    <rPh sb="5" eb="6">
      <t>ク</t>
    </rPh>
    <rPh sb="6" eb="8">
      <t>ツルミ</t>
    </rPh>
    <rPh sb="8" eb="9">
      <t>ニ</t>
    </rPh>
    <rPh sb="9" eb="11">
      <t>チョウメ</t>
    </rPh>
    <rPh sb="11" eb="12">
      <t>チ</t>
    </rPh>
    <rPh sb="12" eb="13">
      <t>ナイ</t>
    </rPh>
    <phoneticPr fontId="5"/>
  </si>
  <si>
    <t>横浜市磯子区岡村四丁目地内</t>
    <rPh sb="5" eb="6">
      <t>ク</t>
    </rPh>
    <rPh sb="6" eb="8">
      <t>オカムラ</t>
    </rPh>
    <rPh sb="8" eb="9">
      <t>ヨン</t>
    </rPh>
    <rPh sb="9" eb="11">
      <t>チョウメ</t>
    </rPh>
    <rPh sb="11" eb="13">
      <t>チナイ</t>
    </rPh>
    <phoneticPr fontId="5"/>
  </si>
  <si>
    <t>横浜市南区永田南二丁目地内</t>
    <rPh sb="0" eb="13">
      <t>ヨ</t>
    </rPh>
    <phoneticPr fontId="6"/>
  </si>
  <si>
    <t>横浜市鶴見区鶴見二丁目地内</t>
    <rPh sb="0" eb="2">
      <t>ヨコハマ</t>
    </rPh>
    <rPh sb="2" eb="3">
      <t>シ</t>
    </rPh>
    <rPh sb="3" eb="6">
      <t>ツルミク</t>
    </rPh>
    <rPh sb="6" eb="8">
      <t>ツルミ</t>
    </rPh>
    <rPh sb="8" eb="9">
      <t>ニ</t>
    </rPh>
    <rPh sb="9" eb="11">
      <t>チョウメ</t>
    </rPh>
    <rPh sb="11" eb="12">
      <t>チ</t>
    </rPh>
    <rPh sb="12" eb="13">
      <t>ナイ</t>
    </rPh>
    <phoneticPr fontId="5"/>
  </si>
  <si>
    <t>横浜市磯子区岡村五丁目地内</t>
    <rPh sb="6" eb="8">
      <t>オカムラ</t>
    </rPh>
    <rPh sb="8" eb="9">
      <t>ゴ</t>
    </rPh>
    <rPh sb="9" eb="11">
      <t>チョウメ</t>
    </rPh>
    <rPh sb="11" eb="13">
      <t>チナイ</t>
    </rPh>
    <phoneticPr fontId="5"/>
  </si>
  <si>
    <t>横浜市保土ケ谷区岩井町地内</t>
    <rPh sb="0" eb="3">
      <t>ヨコハマシ</t>
    </rPh>
    <rPh sb="8" eb="10">
      <t>イワイ</t>
    </rPh>
    <rPh sb="10" eb="11">
      <t>マチ</t>
    </rPh>
    <phoneticPr fontId="5"/>
  </si>
  <si>
    <t>横浜市南区弘明寺町地先</t>
  </si>
  <si>
    <t>横浜市港北区高田西一丁目地先</t>
    <rPh sb="0" eb="3">
      <t>ヨコハマシ</t>
    </rPh>
    <rPh sb="3" eb="6">
      <t>コウホクク</t>
    </rPh>
    <rPh sb="6" eb="8">
      <t>タカダ</t>
    </rPh>
    <rPh sb="8" eb="9">
      <t>ニシ</t>
    </rPh>
    <rPh sb="9" eb="12">
      <t>イッチョウメ</t>
    </rPh>
    <rPh sb="12" eb="14">
      <t>チサキ</t>
    </rPh>
    <phoneticPr fontId="5"/>
  </si>
  <si>
    <t>横浜市港南区笹下３丁目地内</t>
    <rPh sb="6" eb="8">
      <t>ササゲ</t>
    </rPh>
    <rPh sb="9" eb="11">
      <t>チョウメ</t>
    </rPh>
    <rPh sb="12" eb="13">
      <t>ナイ</t>
    </rPh>
    <phoneticPr fontId="6"/>
  </si>
  <si>
    <t>横浜市金沢区六浦南四丁目地内</t>
    <rPh sb="0" eb="3">
      <t>ヨコハマシ</t>
    </rPh>
    <rPh sb="3" eb="6">
      <t>カナザワク</t>
    </rPh>
    <rPh sb="6" eb="8">
      <t>ムツウラ</t>
    </rPh>
    <rPh sb="8" eb="9">
      <t>ミナミ</t>
    </rPh>
    <rPh sb="9" eb="10">
      <t>ヨン</t>
    </rPh>
    <rPh sb="10" eb="12">
      <t>チョウメ</t>
    </rPh>
    <rPh sb="12" eb="14">
      <t>チナイ</t>
    </rPh>
    <phoneticPr fontId="6"/>
  </si>
  <si>
    <t>横浜市都筑区大棚町地先他</t>
    <rPh sb="0" eb="3">
      <t>ヨコハマシ</t>
    </rPh>
    <rPh sb="3" eb="6">
      <t>ツヅキク</t>
    </rPh>
    <rPh sb="6" eb="8">
      <t>オオタナ</t>
    </rPh>
    <rPh sb="8" eb="9">
      <t>マチ</t>
    </rPh>
    <rPh sb="9" eb="11">
      <t>チサキ</t>
    </rPh>
    <rPh sb="11" eb="12">
      <t>ホカ</t>
    </rPh>
    <phoneticPr fontId="5"/>
  </si>
  <si>
    <t>横浜市磯子区磯子三丁目地内</t>
    <rPh sb="0" eb="3">
      <t>ヨコハマシ</t>
    </rPh>
    <rPh sb="3" eb="5">
      <t>イソゴ</t>
    </rPh>
    <rPh sb="5" eb="6">
      <t>ク</t>
    </rPh>
    <rPh sb="6" eb="8">
      <t>イソゴ</t>
    </rPh>
    <rPh sb="8" eb="11">
      <t>サンチョウメ</t>
    </rPh>
    <rPh sb="11" eb="12">
      <t>チ</t>
    </rPh>
    <rPh sb="12" eb="13">
      <t>ナイ</t>
    </rPh>
    <phoneticPr fontId="5"/>
  </si>
  <si>
    <t>横浜市緑区寺山町地内</t>
    <rPh sb="0" eb="3">
      <t>ヨコハマシ</t>
    </rPh>
    <rPh sb="3" eb="5">
      <t>ミドリク</t>
    </rPh>
    <rPh sb="5" eb="7">
      <t>テラヤマ</t>
    </rPh>
    <rPh sb="7" eb="8">
      <t>マチ</t>
    </rPh>
    <rPh sb="8" eb="9">
      <t>チ</t>
    </rPh>
    <rPh sb="9" eb="10">
      <t>ナイ</t>
    </rPh>
    <phoneticPr fontId="5"/>
  </si>
  <si>
    <t>横浜市金沢区釜利谷東三丁目地内</t>
    <rPh sb="6" eb="9">
      <t>カマリヤ</t>
    </rPh>
    <rPh sb="9" eb="10">
      <t>ヒガシ</t>
    </rPh>
    <rPh sb="10" eb="13">
      <t>サンチョウメ</t>
    </rPh>
    <rPh sb="13" eb="14">
      <t>チ</t>
    </rPh>
    <rPh sb="14" eb="15">
      <t>ナイ</t>
    </rPh>
    <phoneticPr fontId="5"/>
  </si>
  <si>
    <t>横浜市旭区鶴ケ峰一丁目</t>
    <rPh sb="0" eb="3">
      <t>ヨコハマシ</t>
    </rPh>
    <phoneticPr fontId="5"/>
  </si>
  <si>
    <t>横浜市金沢区谷津町地内他</t>
  </si>
  <si>
    <t>横浜市港南区笹下３丁目地内</t>
    <rPh sb="0" eb="13">
      <t>ヨ</t>
    </rPh>
    <phoneticPr fontId="5"/>
  </si>
  <si>
    <t>横浜市保土ケ谷区西久保町地内</t>
    <rPh sb="0" eb="3">
      <t>ヨコハマシ</t>
    </rPh>
    <rPh sb="8" eb="9">
      <t>ニシ</t>
    </rPh>
    <rPh sb="9" eb="11">
      <t>クボ</t>
    </rPh>
    <rPh sb="11" eb="12">
      <t>マチ</t>
    </rPh>
    <rPh sb="12" eb="13">
      <t>チ</t>
    </rPh>
    <rPh sb="13" eb="14">
      <t>ナイ</t>
    </rPh>
    <phoneticPr fontId="5"/>
  </si>
  <si>
    <t>横浜市鶴見区鶴見二丁目地内</t>
    <rPh sb="3" eb="5">
      <t>ツルミ</t>
    </rPh>
    <rPh sb="6" eb="8">
      <t>ツルミ</t>
    </rPh>
    <rPh sb="8" eb="9">
      <t>ニ</t>
    </rPh>
    <rPh sb="9" eb="11">
      <t>チョウメ</t>
    </rPh>
    <phoneticPr fontId="5"/>
  </si>
  <si>
    <t>横浜市青葉区恩田町地内</t>
  </si>
  <si>
    <t>横浜市金沢区柴町地内</t>
  </si>
  <si>
    <t>横浜市磯子区岡村五丁目地内</t>
    <rPh sb="6" eb="8">
      <t>オカムラ</t>
    </rPh>
    <rPh sb="8" eb="9">
      <t>ゴ</t>
    </rPh>
    <rPh sb="12" eb="13">
      <t>ナイ</t>
    </rPh>
    <phoneticPr fontId="5"/>
  </si>
  <si>
    <t>横浜市金沢区東朝比奈一丁目　地内</t>
    <rPh sb="0" eb="3">
      <t>ヨコハマシ</t>
    </rPh>
    <rPh sb="3" eb="6">
      <t>カナザワク</t>
    </rPh>
    <rPh sb="6" eb="10">
      <t>ヒガシアサヒナ</t>
    </rPh>
    <rPh sb="10" eb="13">
      <t>イッチョウメ</t>
    </rPh>
    <rPh sb="14" eb="16">
      <t>チナイ</t>
    </rPh>
    <phoneticPr fontId="5"/>
  </si>
  <si>
    <t>横浜市戸塚区名瀬町地内</t>
    <rPh sb="0" eb="3">
      <t>ヨコハマシ</t>
    </rPh>
    <rPh sb="3" eb="6">
      <t>トツカク</t>
    </rPh>
    <rPh sb="6" eb="9">
      <t>ナセチョウ</t>
    </rPh>
    <rPh sb="9" eb="10">
      <t>チ</t>
    </rPh>
    <rPh sb="10" eb="11">
      <t>ナイ</t>
    </rPh>
    <phoneticPr fontId="5"/>
  </si>
  <si>
    <t>横浜市都筑区川和町地先他</t>
    <rPh sb="0" eb="3">
      <t>ヨコハマシ</t>
    </rPh>
    <rPh sb="3" eb="6">
      <t>ツヅキク</t>
    </rPh>
    <rPh sb="6" eb="9">
      <t>カワワチョウ</t>
    </rPh>
    <rPh sb="9" eb="11">
      <t>チサキ</t>
    </rPh>
    <rPh sb="11" eb="12">
      <t>ホカ</t>
    </rPh>
    <phoneticPr fontId="5"/>
  </si>
  <si>
    <t>横浜市青葉区市ケ尾町地先他</t>
    <rPh sb="10" eb="12">
      <t>チサキ</t>
    </rPh>
    <phoneticPr fontId="5"/>
  </si>
  <si>
    <t>川崎市高津区子母口地先他</t>
  </si>
  <si>
    <t>川崎市麻生区下麻生３丁目地先</t>
    <rPh sb="0" eb="3">
      <t>カワサキシ</t>
    </rPh>
    <rPh sb="3" eb="6">
      <t>アサオク</t>
    </rPh>
    <rPh sb="6" eb="9">
      <t>シモアサオ</t>
    </rPh>
    <rPh sb="10" eb="12">
      <t>チョウメ</t>
    </rPh>
    <rPh sb="12" eb="14">
      <t>ジサキ</t>
    </rPh>
    <phoneticPr fontId="8"/>
  </si>
  <si>
    <t>川崎市高津区子母口地内　他</t>
    <rPh sb="10" eb="11">
      <t>ナイ</t>
    </rPh>
    <rPh sb="12" eb="13">
      <t>ホカ</t>
    </rPh>
    <phoneticPr fontId="8"/>
  </si>
  <si>
    <t>川崎市宮前区神木本町二丁目地内</t>
  </si>
  <si>
    <t>川崎市宮前区梶ヶ谷地先</t>
    <rPh sb="0" eb="3">
      <t>カワサキシ</t>
    </rPh>
    <rPh sb="3" eb="6">
      <t>ミヤマエク</t>
    </rPh>
    <rPh sb="6" eb="9">
      <t>カジガヤ</t>
    </rPh>
    <rPh sb="9" eb="11">
      <t>チサキ</t>
    </rPh>
    <phoneticPr fontId="8"/>
  </si>
  <si>
    <t>川崎市宮前区平一丁目地内</t>
    <rPh sb="6" eb="7">
      <t>タイラ</t>
    </rPh>
    <rPh sb="7" eb="8">
      <t>１</t>
    </rPh>
    <phoneticPr fontId="8"/>
  </si>
  <si>
    <t>川崎市高津区東野川１丁目地先他</t>
    <rPh sb="3" eb="9">
      <t>タカツクヒガシノガワ</t>
    </rPh>
    <rPh sb="10" eb="12">
      <t>チョウメ</t>
    </rPh>
    <phoneticPr fontId="8"/>
  </si>
  <si>
    <t>川崎市麻生区下麻生3丁目地先</t>
    <rPh sb="0" eb="3">
      <t>カワサキシ</t>
    </rPh>
    <rPh sb="3" eb="6">
      <t>アサオク</t>
    </rPh>
    <rPh sb="6" eb="9">
      <t>シモアサオ</t>
    </rPh>
    <rPh sb="10" eb="12">
      <t>チョウメ</t>
    </rPh>
    <rPh sb="12" eb="14">
      <t>ジサキ</t>
    </rPh>
    <phoneticPr fontId="2"/>
  </si>
  <si>
    <t>川崎市多摩区菅二丁目地先</t>
    <rPh sb="0" eb="3">
      <t>カワサキシ</t>
    </rPh>
    <rPh sb="3" eb="6">
      <t>タマク</t>
    </rPh>
    <rPh sb="6" eb="7">
      <t>スゲ</t>
    </rPh>
    <rPh sb="7" eb="10">
      <t>ニチョウメ</t>
    </rPh>
    <rPh sb="10" eb="12">
      <t>チサキ</t>
    </rPh>
    <phoneticPr fontId="8"/>
  </si>
  <si>
    <t>川崎市多摩区枡形六丁目地内</t>
    <rPh sb="0" eb="3">
      <t>カワサキシ</t>
    </rPh>
    <rPh sb="3" eb="6">
      <t>タマク</t>
    </rPh>
    <rPh sb="6" eb="8">
      <t>マスガタ</t>
    </rPh>
    <rPh sb="8" eb="9">
      <t>６</t>
    </rPh>
    <rPh sb="9" eb="11">
      <t>チョウメ</t>
    </rPh>
    <rPh sb="11" eb="12">
      <t>チ</t>
    </rPh>
    <rPh sb="12" eb="13">
      <t>ナイ</t>
    </rPh>
    <phoneticPr fontId="8"/>
  </si>
  <si>
    <t>川崎市麻生区黒川地内</t>
    <rPh sb="0" eb="3">
      <t>カワサキシ</t>
    </rPh>
    <rPh sb="3" eb="6">
      <t>アサオク</t>
    </rPh>
    <rPh sb="6" eb="8">
      <t>クロカワ</t>
    </rPh>
    <rPh sb="8" eb="9">
      <t>チ</t>
    </rPh>
    <rPh sb="9" eb="10">
      <t>ナイ</t>
    </rPh>
    <phoneticPr fontId="8"/>
  </si>
  <si>
    <t>相模原市緑区谷ケ原地内</t>
    <rPh sb="0" eb="4">
      <t>サガミハラシ</t>
    </rPh>
    <rPh sb="4" eb="6">
      <t>ミドリク</t>
    </rPh>
    <rPh sb="6" eb="9">
      <t>タニガハラ</t>
    </rPh>
    <rPh sb="9" eb="10">
      <t>チ</t>
    </rPh>
    <rPh sb="10" eb="11">
      <t>ナイ</t>
    </rPh>
    <phoneticPr fontId="10"/>
  </si>
  <si>
    <t>平塚市四之宮四丁目地内</t>
    <rPh sb="0" eb="3">
      <t>ヒラツカシ</t>
    </rPh>
    <rPh sb="3" eb="6">
      <t>シノミヤ</t>
    </rPh>
    <rPh sb="6" eb="9">
      <t>ヨンチョウメ</t>
    </rPh>
    <rPh sb="9" eb="10">
      <t>チ</t>
    </rPh>
    <rPh sb="10" eb="11">
      <t>ナイ</t>
    </rPh>
    <phoneticPr fontId="5"/>
  </si>
  <si>
    <t>小田原市久野地内</t>
    <rPh sb="0" eb="3">
      <t>オダワラ</t>
    </rPh>
    <rPh sb="3" eb="4">
      <t>シ</t>
    </rPh>
    <rPh sb="4" eb="8">
      <t>ヒサノチナイ</t>
    </rPh>
    <phoneticPr fontId="1"/>
  </si>
  <si>
    <t>平塚市四之宮四丁目地内</t>
    <rPh sb="0" eb="2">
      <t>ヒラツカ</t>
    </rPh>
    <rPh sb="2" eb="3">
      <t>シ</t>
    </rPh>
    <rPh sb="3" eb="6">
      <t>シノミヤ</t>
    </rPh>
    <rPh sb="6" eb="9">
      <t>ヨンチョウメ</t>
    </rPh>
    <rPh sb="9" eb="10">
      <t>チ</t>
    </rPh>
    <rPh sb="10" eb="11">
      <t>ナイ</t>
    </rPh>
    <phoneticPr fontId="1"/>
  </si>
  <si>
    <t>茅ヶ崎市柳島地内</t>
    <rPh sb="0" eb="4">
      <t>チガサキシ</t>
    </rPh>
    <rPh sb="4" eb="6">
      <t>ヤナギシマ</t>
    </rPh>
    <rPh sb="6" eb="7">
      <t>チ</t>
    </rPh>
    <rPh sb="7" eb="8">
      <t>ナイ</t>
    </rPh>
    <phoneticPr fontId="8"/>
  </si>
  <si>
    <t>平塚市四之宮四丁目地内</t>
    <rPh sb="0" eb="3">
      <t>ヒラツカシ</t>
    </rPh>
    <rPh sb="3" eb="6">
      <t>シノミヤ</t>
    </rPh>
    <rPh sb="6" eb="9">
      <t>ヨンチョウメ</t>
    </rPh>
    <rPh sb="9" eb="10">
      <t>チ</t>
    </rPh>
    <rPh sb="10" eb="11">
      <t>ナイ</t>
    </rPh>
    <phoneticPr fontId="8"/>
  </si>
  <si>
    <t>平塚市四之宮四丁目地内</t>
    <rPh sb="0" eb="3">
      <t>ヒラツカシ</t>
    </rPh>
    <rPh sb="3" eb="9">
      <t>シノミヤヨンチョウメ</t>
    </rPh>
    <rPh sb="9" eb="10">
      <t>チ</t>
    </rPh>
    <rPh sb="10" eb="11">
      <t>ナイ</t>
    </rPh>
    <phoneticPr fontId="8"/>
  </si>
  <si>
    <t>横浜市西区紅葉ケ丘44</t>
    <rPh sb="0" eb="3">
      <t>ヨコハマシ</t>
    </rPh>
    <rPh sb="3" eb="5">
      <t>ニシク</t>
    </rPh>
    <rPh sb="5" eb="9">
      <t>モミジガオカ</t>
    </rPh>
    <phoneticPr fontId="8"/>
  </si>
  <si>
    <t>横浜市西区紅葉ケ丘44</t>
    <rPh sb="0" eb="3">
      <t>ヨコハマシ</t>
    </rPh>
    <rPh sb="3" eb="5">
      <t>ニシク</t>
    </rPh>
    <rPh sb="5" eb="9">
      <t>モミジガオカ</t>
    </rPh>
    <phoneticPr fontId="6"/>
  </si>
  <si>
    <t>中郡二宮町百合が丘3丁目82番１</t>
    <rPh sb="0" eb="2">
      <t>ナカグン</t>
    </rPh>
    <rPh sb="2" eb="5">
      <t>ニノミヤマチ</t>
    </rPh>
    <rPh sb="5" eb="7">
      <t>ユリ</t>
    </rPh>
    <rPh sb="8" eb="9">
      <t>オカ</t>
    </rPh>
    <rPh sb="10" eb="12">
      <t>チョウメ</t>
    </rPh>
    <rPh sb="14" eb="15">
      <t>バン</t>
    </rPh>
    <phoneticPr fontId="8"/>
  </si>
  <si>
    <t>横浜市神奈川区鶴屋町2-24-2</t>
    <rPh sb="0" eb="3">
      <t>ヨコハマシ</t>
    </rPh>
    <rPh sb="3" eb="7">
      <t>カナガワク</t>
    </rPh>
    <rPh sb="7" eb="10">
      <t>ツルヤチョウ</t>
    </rPh>
    <phoneticPr fontId="5"/>
  </si>
  <si>
    <t>横浜市青葉区桂台2-39-2</t>
    <rPh sb="0" eb="3">
      <t>ヨコハマシ</t>
    </rPh>
    <rPh sb="3" eb="6">
      <t>アオバク</t>
    </rPh>
    <rPh sb="6" eb="8">
      <t>カツラダイ</t>
    </rPh>
    <phoneticPr fontId="5"/>
  </si>
  <si>
    <t>横浜市西区紅葉ケ丘44</t>
    <rPh sb="0" eb="3">
      <t>ヨコハマシ</t>
    </rPh>
    <rPh sb="3" eb="5">
      <t>ニシク</t>
    </rPh>
    <rPh sb="5" eb="9">
      <t>モミジガオカ</t>
    </rPh>
    <phoneticPr fontId="21"/>
  </si>
  <si>
    <t>横浜市青葉区桂台2-39-2</t>
  </si>
  <si>
    <t>相模原市南区上鶴間本町9-31-1</t>
    <rPh sb="0" eb="4">
      <t>サガミハラシ</t>
    </rPh>
    <rPh sb="4" eb="6">
      <t>ミナミク</t>
    </rPh>
    <rPh sb="6" eb="11">
      <t>カミツルマホンチョウ</t>
    </rPh>
    <phoneticPr fontId="5"/>
  </si>
  <si>
    <t>川崎市多摩区生田4-32-1</t>
    <rPh sb="0" eb="2">
      <t>カワサキ</t>
    </rPh>
    <phoneticPr fontId="5"/>
  </si>
  <si>
    <t>横浜市緑区霧が丘6-16-1</t>
    <rPh sb="0" eb="3">
      <t>ヨコハマシ</t>
    </rPh>
    <rPh sb="3" eb="5">
      <t>ミドリク</t>
    </rPh>
    <rPh sb="5" eb="6">
      <t>キリ</t>
    </rPh>
    <rPh sb="7" eb="8">
      <t>オカ</t>
    </rPh>
    <phoneticPr fontId="5"/>
  </si>
  <si>
    <t>川崎市多摩区生田４－３２－１</t>
    <rPh sb="0" eb="3">
      <t>カワサキシ</t>
    </rPh>
    <rPh sb="3" eb="6">
      <t>タマク</t>
    </rPh>
    <rPh sb="6" eb="8">
      <t>イクタ</t>
    </rPh>
    <phoneticPr fontId="5"/>
  </si>
  <si>
    <t>横浜市緑区霧が丘6-16-1</t>
    <rPh sb="0" eb="3">
      <t>ヨコハマシ</t>
    </rPh>
    <rPh sb="3" eb="5">
      <t>ミドリク</t>
    </rPh>
    <rPh sb="5" eb="6">
      <t>キリ</t>
    </rPh>
    <rPh sb="7" eb="8">
      <t>オカ</t>
    </rPh>
    <phoneticPr fontId="21"/>
  </si>
  <si>
    <t>横浜市緑区霧が丘6-16-1</t>
    <rPh sb="0" eb="3">
      <t>ヨコハマシ</t>
    </rPh>
    <rPh sb="3" eb="5">
      <t>ミドリク</t>
    </rPh>
    <rPh sb="5" eb="6">
      <t>キリ</t>
    </rPh>
    <rPh sb="7" eb="8">
      <t>オカ</t>
    </rPh>
    <phoneticPr fontId="10"/>
  </si>
  <si>
    <t>川崎市多摩区生田4-32-1</t>
  </si>
  <si>
    <t>横浜市神奈川区平川町19-2</t>
    <rPh sb="3" eb="7">
      <t>カナガワク</t>
    </rPh>
    <rPh sb="7" eb="9">
      <t>ヒラカワ</t>
    </rPh>
    <rPh sb="9" eb="10">
      <t>マチ</t>
    </rPh>
    <phoneticPr fontId="5"/>
  </si>
  <si>
    <t>厚木市緑ケ丘三丁目１－１地内外</t>
  </si>
  <si>
    <t>寒川町一之宮9-30-1</t>
    <rPh sb="0" eb="3">
      <t>サムカワマチ</t>
    </rPh>
    <rPh sb="3" eb="6">
      <t>イチノミヤ</t>
    </rPh>
    <phoneticPr fontId="5"/>
  </si>
  <si>
    <t>南足柄市怒田860</t>
    <rPh sb="0" eb="4">
      <t>ミナミアシガラシ</t>
    </rPh>
    <rPh sb="4" eb="6">
      <t>ヌダ</t>
    </rPh>
    <phoneticPr fontId="5"/>
  </si>
  <si>
    <t>大和市上和田2557</t>
    <rPh sb="3" eb="6">
      <t>カミワダ</t>
    </rPh>
    <phoneticPr fontId="5"/>
  </si>
  <si>
    <t>横須賀市津久井4-4-1</t>
    <rPh sb="0" eb="3">
      <t>ヨコスカ</t>
    </rPh>
    <rPh sb="3" eb="4">
      <t>シ</t>
    </rPh>
    <rPh sb="4" eb="7">
      <t>ツクイ</t>
    </rPh>
    <phoneticPr fontId="8"/>
  </si>
  <si>
    <t>横浜市瀬谷区東野台29-1</t>
    <rPh sb="0" eb="3">
      <t>ヨコハマシ</t>
    </rPh>
    <rPh sb="3" eb="6">
      <t>セヤク</t>
    </rPh>
    <rPh sb="6" eb="9">
      <t>アズマノダイ</t>
    </rPh>
    <phoneticPr fontId="5"/>
  </si>
  <si>
    <t>横浜市栄区金井町100</t>
    <rPh sb="0" eb="3">
      <t>ヨコハマシ</t>
    </rPh>
    <rPh sb="3" eb="5">
      <t>サカエク</t>
    </rPh>
    <rPh sb="5" eb="8">
      <t>カナイマチ</t>
    </rPh>
    <phoneticPr fontId="5"/>
  </si>
  <si>
    <t>相模原市緑区城山1-26-1</t>
  </si>
  <si>
    <t>横浜市青葉区市ケ尾町1854</t>
    <rPh sb="0" eb="3">
      <t>ヨコハマシ</t>
    </rPh>
    <rPh sb="6" eb="7">
      <t>イチ</t>
    </rPh>
    <rPh sb="8" eb="9">
      <t>オ</t>
    </rPh>
    <rPh sb="9" eb="10">
      <t>マチ</t>
    </rPh>
    <phoneticPr fontId="5"/>
  </si>
  <si>
    <t>藤沢市大鋸1450</t>
    <rPh sb="3" eb="4">
      <t>オオ</t>
    </rPh>
    <rPh sb="4" eb="5">
      <t>ノコギリ</t>
    </rPh>
    <phoneticPr fontId="5"/>
  </si>
  <si>
    <t>横須賀市公郷町３－１０９</t>
    <rPh sb="0" eb="3">
      <t>ヨコスカ</t>
    </rPh>
    <rPh sb="3" eb="4">
      <t>シ</t>
    </rPh>
    <rPh sb="4" eb="7">
      <t>クゴウチョウ</t>
    </rPh>
    <phoneticPr fontId="5"/>
  </si>
  <si>
    <t>横浜市戸塚区南舞岡３－３６－１</t>
    <rPh sb="0" eb="3">
      <t>ヨコハマシ</t>
    </rPh>
    <rPh sb="3" eb="6">
      <t>トツカク</t>
    </rPh>
    <rPh sb="6" eb="7">
      <t>ミナミ</t>
    </rPh>
    <rPh sb="7" eb="9">
      <t>マイオカ</t>
    </rPh>
    <phoneticPr fontId="14"/>
  </si>
  <si>
    <t>横浜市瀬谷区東野台29-1</t>
    <rPh sb="0" eb="3">
      <t>ヨコハマシ</t>
    </rPh>
    <rPh sb="6" eb="8">
      <t>ヒガシノ</t>
    </rPh>
    <rPh sb="8" eb="9">
      <t>ダイ</t>
    </rPh>
    <phoneticPr fontId="5"/>
  </si>
  <si>
    <t>相模原市緑区城山1-26-1</t>
    <rPh sb="0" eb="4">
      <t>サガミハラシ</t>
    </rPh>
    <rPh sb="4" eb="6">
      <t>ミドリク</t>
    </rPh>
    <rPh sb="6" eb="8">
      <t>シロヤマ</t>
    </rPh>
    <phoneticPr fontId="5"/>
  </si>
  <si>
    <t>横浜市戸塚区南舞岡3-36-1</t>
    <rPh sb="0" eb="2">
      <t>ヨコハマ</t>
    </rPh>
    <rPh sb="2" eb="3">
      <t>シ</t>
    </rPh>
    <rPh sb="3" eb="5">
      <t>トツカ</t>
    </rPh>
    <rPh sb="5" eb="6">
      <t>ク</t>
    </rPh>
    <rPh sb="6" eb="7">
      <t>ミナミ</t>
    </rPh>
    <rPh sb="7" eb="9">
      <t>マイオカ</t>
    </rPh>
    <phoneticPr fontId="5"/>
  </si>
  <si>
    <t>高座郡寒川町一之宮9-30-1</t>
    <rPh sb="0" eb="2">
      <t>コウザ</t>
    </rPh>
    <rPh sb="2" eb="3">
      <t>グン</t>
    </rPh>
    <rPh sb="3" eb="6">
      <t>サムカワマチ</t>
    </rPh>
    <rPh sb="6" eb="9">
      <t>イチノミヤ</t>
    </rPh>
    <phoneticPr fontId="5"/>
  </si>
  <si>
    <t>南足柄市怒田８６０</t>
    <rPh sb="0" eb="4">
      <t>ミナミアシガラシ</t>
    </rPh>
    <rPh sb="4" eb="6">
      <t>ヌタ</t>
    </rPh>
    <phoneticPr fontId="5"/>
  </si>
  <si>
    <t>藤沢市大鋸１４５０</t>
    <rPh sb="0" eb="2">
      <t>フジサワ</t>
    </rPh>
    <rPh sb="2" eb="3">
      <t>シ</t>
    </rPh>
    <rPh sb="3" eb="4">
      <t>オオ</t>
    </rPh>
    <rPh sb="4" eb="5">
      <t>ノコギリ</t>
    </rPh>
    <phoneticPr fontId="5"/>
  </si>
  <si>
    <t>大和市上和田２５５７</t>
    <rPh sb="3" eb="4">
      <t>カミ</t>
    </rPh>
    <rPh sb="4" eb="6">
      <t>ワダ</t>
    </rPh>
    <phoneticPr fontId="5"/>
  </si>
  <si>
    <t>寒川町一之宮9-30-1</t>
    <rPh sb="0" eb="2">
      <t>サムカワ</t>
    </rPh>
    <rPh sb="2" eb="3">
      <t>マチ</t>
    </rPh>
    <rPh sb="3" eb="6">
      <t>イチノミヤ</t>
    </rPh>
    <phoneticPr fontId="5"/>
  </si>
  <si>
    <t>横浜市戸塚区南舞岡3-36-1</t>
    <rPh sb="0" eb="3">
      <t>ヨコハマシ</t>
    </rPh>
    <rPh sb="3" eb="6">
      <t>トツカク</t>
    </rPh>
    <rPh sb="6" eb="7">
      <t>ミナミ</t>
    </rPh>
    <rPh sb="7" eb="9">
      <t>マイオカ</t>
    </rPh>
    <phoneticPr fontId="12"/>
  </si>
  <si>
    <t>大和市上和田2557</t>
    <rPh sb="3" eb="4">
      <t>カミ</t>
    </rPh>
    <rPh sb="4" eb="6">
      <t>ワダ</t>
    </rPh>
    <phoneticPr fontId="5"/>
  </si>
  <si>
    <t>横須賀市津久井4-4-1</t>
    <rPh sb="0" eb="4">
      <t>ヨコスカシ</t>
    </rPh>
    <rPh sb="4" eb="7">
      <t>ツクイ</t>
    </rPh>
    <phoneticPr fontId="5"/>
  </si>
  <si>
    <t>南足柄市怒田860</t>
  </si>
  <si>
    <t>藤沢市大鋸1450</t>
  </si>
  <si>
    <t>横浜市青葉区市ケ尾町1854</t>
  </si>
  <si>
    <t>相模原市中央区上溝269</t>
    <rPh sb="4" eb="7">
      <t>チュウオウク</t>
    </rPh>
    <rPh sb="7" eb="9">
      <t>カミミゾ</t>
    </rPh>
    <phoneticPr fontId="5"/>
  </si>
  <si>
    <t>大和市つきみ野３－４</t>
  </si>
  <si>
    <t>横浜市保土ケ谷区川島町1557</t>
    <rPh sb="0" eb="3">
      <t>ヨコハマシ</t>
    </rPh>
    <rPh sb="3" eb="8">
      <t>ホドガヤク</t>
    </rPh>
    <rPh sb="8" eb="11">
      <t>カワシマチョウ</t>
    </rPh>
    <phoneticPr fontId="5"/>
  </si>
  <si>
    <t>横浜市保土ケ谷区川島町1557</t>
    <rPh sb="0" eb="3">
      <t>ヨコハマシ</t>
    </rPh>
    <rPh sb="3" eb="8">
      <t>ホドガヤク</t>
    </rPh>
    <rPh sb="8" eb="10">
      <t>カワシマ</t>
    </rPh>
    <rPh sb="10" eb="11">
      <t>マチ</t>
    </rPh>
    <phoneticPr fontId="5"/>
  </si>
  <si>
    <t>横浜市保土ケ谷区川島町1557</t>
  </si>
  <si>
    <t>相模原市中央区上溝269</t>
    <rPh sb="0" eb="4">
      <t>サガミハラシ</t>
    </rPh>
    <rPh sb="4" eb="7">
      <t>チュウオウク</t>
    </rPh>
    <rPh sb="7" eb="9">
      <t>カミミゾ</t>
    </rPh>
    <phoneticPr fontId="12"/>
  </si>
  <si>
    <t>茅ヶ崎市円蔵１－16－１</t>
    <rPh sb="0" eb="4">
      <t>チガサキシ</t>
    </rPh>
    <rPh sb="4" eb="5">
      <t>エン</t>
    </rPh>
    <rPh sb="5" eb="6">
      <t>ゾウ</t>
    </rPh>
    <phoneticPr fontId="5"/>
  </si>
  <si>
    <t>茅ヶ崎市円蔵１－１６－１</t>
    <rPh sb="0" eb="4">
      <t>チガサキシ</t>
    </rPh>
    <rPh sb="4" eb="6">
      <t>エンゾウ</t>
    </rPh>
    <phoneticPr fontId="5"/>
  </si>
  <si>
    <t>鎌倉市七里ガ浜２－２１－１</t>
    <rPh sb="0" eb="3">
      <t>カマクラシ</t>
    </rPh>
    <rPh sb="3" eb="5">
      <t>シチリ</t>
    </rPh>
    <rPh sb="6" eb="7">
      <t>ハマ</t>
    </rPh>
    <phoneticPr fontId="14"/>
  </si>
  <si>
    <t>茅ヶ崎市本村３－４－１</t>
    <rPh sb="0" eb="4">
      <t>チガサキシ</t>
    </rPh>
    <rPh sb="4" eb="6">
      <t>モトムラ</t>
    </rPh>
    <phoneticPr fontId="14"/>
  </si>
  <si>
    <t>足柄上郡山北町向原2370</t>
    <rPh sb="0" eb="2">
      <t>アシガラ</t>
    </rPh>
    <rPh sb="2" eb="3">
      <t>カミ</t>
    </rPh>
    <rPh sb="3" eb="4">
      <t>グン</t>
    </rPh>
    <rPh sb="4" eb="7">
      <t>ヤマキタマチ</t>
    </rPh>
    <rPh sb="7" eb="9">
      <t>ムカイハラ</t>
    </rPh>
    <phoneticPr fontId="5"/>
  </si>
  <si>
    <t>横浜市港南区港南台9-18-1</t>
    <rPh sb="0" eb="3">
      <t>ヨコハマシ</t>
    </rPh>
    <rPh sb="3" eb="6">
      <t>コウナンク</t>
    </rPh>
    <rPh sb="6" eb="9">
      <t>コウナンダイ</t>
    </rPh>
    <phoneticPr fontId="5"/>
  </si>
  <si>
    <t>横浜市瀬谷区二ツ橋町468</t>
    <rPh sb="0" eb="3">
      <t>ヨコハマシ</t>
    </rPh>
    <rPh sb="6" eb="7">
      <t>フタ</t>
    </rPh>
    <rPh sb="8" eb="9">
      <t>バシ</t>
    </rPh>
    <rPh sb="9" eb="10">
      <t>マチ</t>
    </rPh>
    <phoneticPr fontId="5"/>
  </si>
  <si>
    <t>横浜市金沢区六浦東一丁目156-8番地先外</t>
  </si>
  <si>
    <t>茅ケ崎市本村3-4-1</t>
    <rPh sb="0" eb="4">
      <t>チガサキシ</t>
    </rPh>
    <rPh sb="4" eb="6">
      <t>モトムラ</t>
    </rPh>
    <phoneticPr fontId="5"/>
  </si>
  <si>
    <t>鎌倉市七里ガ浜2-21-1</t>
  </si>
  <si>
    <t>横浜市瀬谷区二ツ橋町468</t>
    <rPh sb="0" eb="3">
      <t>ヨコハマシ</t>
    </rPh>
    <rPh sb="3" eb="6">
      <t>セヤク</t>
    </rPh>
    <rPh sb="6" eb="7">
      <t>フタ</t>
    </rPh>
    <rPh sb="8" eb="9">
      <t>バシ</t>
    </rPh>
    <rPh sb="9" eb="10">
      <t>マチ</t>
    </rPh>
    <phoneticPr fontId="5"/>
  </si>
  <si>
    <t>平塚市達上ケ丘10-10</t>
    <rPh sb="0" eb="2">
      <t>ヒラツカ</t>
    </rPh>
    <rPh sb="2" eb="3">
      <t>シ</t>
    </rPh>
    <rPh sb="3" eb="7">
      <t>タンジョウガオカ</t>
    </rPh>
    <phoneticPr fontId="5"/>
  </si>
  <si>
    <t>茅ヶ崎市本村3-4-1</t>
    <rPh sb="0" eb="4">
      <t>チガサキシ</t>
    </rPh>
    <rPh sb="4" eb="6">
      <t>ホンムラ</t>
    </rPh>
    <phoneticPr fontId="21"/>
  </si>
  <si>
    <t>足柄上郡山北町向原2370</t>
    <rPh sb="0" eb="4">
      <t>アシガラカミグン</t>
    </rPh>
    <rPh sb="4" eb="7">
      <t>ヤマキタマチ</t>
    </rPh>
    <rPh sb="7" eb="9">
      <t>ムカイハラ</t>
    </rPh>
    <phoneticPr fontId="21"/>
  </si>
  <si>
    <t>横浜市西区紅葉ケ丘9-1</t>
    <rPh sb="0" eb="3">
      <t>ヨコハマシ</t>
    </rPh>
    <rPh sb="3" eb="5">
      <t>ニシク</t>
    </rPh>
    <rPh sb="5" eb="9">
      <t>モミジガオカ</t>
    </rPh>
    <phoneticPr fontId="5"/>
  </si>
  <si>
    <t>相模原市中央区横山1-7-20</t>
    <rPh sb="0" eb="4">
      <t>サガミハラシ</t>
    </rPh>
    <rPh sb="4" eb="7">
      <t>チュウオウク</t>
    </rPh>
    <rPh sb="7" eb="9">
      <t>ヨコヤマ</t>
    </rPh>
    <phoneticPr fontId="5"/>
  </si>
  <si>
    <t>横浜市神奈川区三ツ沢南町1-1</t>
    <rPh sb="0" eb="3">
      <t>ヨコハマシ</t>
    </rPh>
    <rPh sb="3" eb="7">
      <t>カナガワク</t>
    </rPh>
    <rPh sb="7" eb="8">
      <t>ミ</t>
    </rPh>
    <rPh sb="9" eb="10">
      <t>サワ</t>
    </rPh>
    <rPh sb="10" eb="11">
      <t>ミナミ</t>
    </rPh>
    <rPh sb="11" eb="12">
      <t>マチ</t>
    </rPh>
    <phoneticPr fontId="5"/>
  </si>
  <si>
    <t>横浜市神奈川区三ツ沢南町1-1</t>
    <rPh sb="0" eb="3">
      <t>ヨコハマシ</t>
    </rPh>
    <rPh sb="3" eb="7">
      <t>カナガワク</t>
    </rPh>
    <rPh sb="7" eb="8">
      <t>ミ</t>
    </rPh>
    <rPh sb="9" eb="10">
      <t>ザワ</t>
    </rPh>
    <rPh sb="10" eb="11">
      <t>ミナミ</t>
    </rPh>
    <rPh sb="11" eb="12">
      <t>マチ</t>
    </rPh>
    <phoneticPr fontId="5"/>
  </si>
  <si>
    <t>平塚市達上ケ丘10-10</t>
    <rPh sb="0" eb="2">
      <t>ヒラツカ</t>
    </rPh>
    <rPh sb="2" eb="3">
      <t>シ</t>
    </rPh>
    <rPh sb="3" eb="4">
      <t>タツ</t>
    </rPh>
    <rPh sb="4" eb="5">
      <t>ガミ</t>
    </rPh>
    <rPh sb="6" eb="7">
      <t>オカ</t>
    </rPh>
    <phoneticPr fontId="12"/>
  </si>
  <si>
    <t>横浜市神奈川区三ツ沢南町1-1</t>
    <rPh sb="0" eb="3">
      <t>ヨコハマシ</t>
    </rPh>
    <rPh sb="3" eb="7">
      <t>カナガワク</t>
    </rPh>
    <rPh sb="7" eb="8">
      <t>ミ</t>
    </rPh>
    <rPh sb="9" eb="10">
      <t>ザワ</t>
    </rPh>
    <rPh sb="10" eb="11">
      <t>ミナミ</t>
    </rPh>
    <rPh sb="11" eb="12">
      <t>チョウ</t>
    </rPh>
    <phoneticPr fontId="5"/>
  </si>
  <si>
    <t>横浜市緑区台村町135-14</t>
    <rPh sb="0" eb="3">
      <t>ヨコハマシ</t>
    </rPh>
    <rPh sb="3" eb="5">
      <t>ミドリク</t>
    </rPh>
    <rPh sb="5" eb="6">
      <t>ダイ</t>
    </rPh>
    <rPh sb="6" eb="7">
      <t>ムラ</t>
    </rPh>
    <rPh sb="7" eb="8">
      <t>マチ</t>
    </rPh>
    <phoneticPr fontId="5"/>
  </si>
  <si>
    <t>横浜市旭区万騎が原39外</t>
    <rPh sb="0" eb="3">
      <t>ヨコハマシ</t>
    </rPh>
    <rPh sb="3" eb="5">
      <t>アサヒク</t>
    </rPh>
    <rPh sb="5" eb="7">
      <t>マキ</t>
    </rPh>
    <rPh sb="8" eb="9">
      <t>ハラ</t>
    </rPh>
    <rPh sb="11" eb="12">
      <t>ホカ</t>
    </rPh>
    <phoneticPr fontId="8"/>
  </si>
  <si>
    <t>海老名市中新田1-26-1</t>
  </si>
  <si>
    <t>横浜市都筑区川和町2226-1</t>
    <rPh sb="0" eb="2">
      <t>ヨコハマ</t>
    </rPh>
    <rPh sb="2" eb="3">
      <t>シ</t>
    </rPh>
    <rPh sb="3" eb="6">
      <t>ツヅキク</t>
    </rPh>
    <rPh sb="6" eb="9">
      <t>カワワチョウ</t>
    </rPh>
    <phoneticPr fontId="5"/>
  </si>
  <si>
    <t>横須賀市公郷町4-10</t>
    <rPh sb="0" eb="3">
      <t>ヨコスカ</t>
    </rPh>
    <rPh sb="3" eb="4">
      <t>シ</t>
    </rPh>
    <rPh sb="4" eb="7">
      <t>クゴウチョウ</t>
    </rPh>
    <phoneticPr fontId="5"/>
  </si>
  <si>
    <t>平塚市寺田縄590</t>
  </si>
  <si>
    <t>海老名市中新田1-26-1</t>
    <rPh sb="0" eb="4">
      <t>エビナシ</t>
    </rPh>
    <rPh sb="4" eb="7">
      <t>ナカニイダ</t>
    </rPh>
    <phoneticPr fontId="12"/>
  </si>
  <si>
    <t>座間市入谷西5-10-1</t>
    <rPh sb="0" eb="3">
      <t>ザマシ</t>
    </rPh>
    <rPh sb="3" eb="5">
      <t>イリヤ</t>
    </rPh>
    <rPh sb="5" eb="6">
      <t>ニシ</t>
    </rPh>
    <phoneticPr fontId="5"/>
  </si>
  <si>
    <t>横須賀市公郷町4-10</t>
  </si>
  <si>
    <t>三浦市三崎町城ケ島養老子</t>
  </si>
  <si>
    <t>藤沢市亀井野2547-19</t>
  </si>
  <si>
    <t>川崎市高津区向ヶ丘16</t>
    <rPh sb="0" eb="3">
      <t>カワサキシ</t>
    </rPh>
    <rPh sb="3" eb="6">
      <t>タカツク</t>
    </rPh>
    <rPh sb="6" eb="9">
      <t>ムカイガオカ</t>
    </rPh>
    <phoneticPr fontId="5"/>
  </si>
  <si>
    <t>横須賀市公郷町4-10</t>
    <rPh sb="0" eb="4">
      <t>ヨコスカシ</t>
    </rPh>
    <rPh sb="4" eb="6">
      <t>クゴウ</t>
    </rPh>
    <rPh sb="6" eb="7">
      <t>マチ</t>
    </rPh>
    <phoneticPr fontId="5"/>
  </si>
  <si>
    <t>海老名市中新田1-26-1</t>
    <rPh sb="0" eb="4">
      <t>エビナシ</t>
    </rPh>
    <rPh sb="4" eb="7">
      <t>ナカシンデン</t>
    </rPh>
    <phoneticPr fontId="5"/>
  </si>
  <si>
    <t>横浜市港南区大久保１－８－１０</t>
    <rPh sb="0" eb="3">
      <t>ヨコハマシ</t>
    </rPh>
    <rPh sb="3" eb="6">
      <t>コウナンク</t>
    </rPh>
    <rPh sb="6" eb="9">
      <t>オオクボ</t>
    </rPh>
    <phoneticPr fontId="5"/>
  </si>
  <si>
    <t>厚木市上荻野4835-1</t>
    <rPh sb="0" eb="3">
      <t>アツギシ</t>
    </rPh>
    <rPh sb="3" eb="4">
      <t>カミ</t>
    </rPh>
    <rPh sb="4" eb="6">
      <t>オギノ</t>
    </rPh>
    <phoneticPr fontId="8"/>
  </si>
  <si>
    <t>横浜市都筑区荏田南３－９－１</t>
    <rPh sb="0" eb="9">
      <t>ヨコハマシツヅキクエダミナミ</t>
    </rPh>
    <phoneticPr fontId="5"/>
  </si>
  <si>
    <t>三浦市初声町下宮田３００２</t>
    <rPh sb="0" eb="9">
      <t>ミウラシハッセチョウシモミヤタ</t>
    </rPh>
    <phoneticPr fontId="5"/>
  </si>
  <si>
    <t>平塚市四之宮6-15-1</t>
    <rPh sb="3" eb="6">
      <t>ヨンノミヤ</t>
    </rPh>
    <phoneticPr fontId="5"/>
  </si>
  <si>
    <t>相模原市緑区与瀬340</t>
    <rPh sb="0" eb="4">
      <t>サガミハラシ</t>
    </rPh>
    <rPh sb="4" eb="6">
      <t>ミドリク</t>
    </rPh>
    <rPh sb="6" eb="8">
      <t>ヨセ</t>
    </rPh>
    <phoneticPr fontId="5"/>
  </si>
  <si>
    <t>小田原市根府川５７４－１</t>
    <rPh sb="0" eb="4">
      <t>オダワラシ</t>
    </rPh>
    <rPh sb="4" eb="7">
      <t>ネブカワ</t>
    </rPh>
    <phoneticPr fontId="14"/>
  </si>
  <si>
    <t>小田原市栢山200</t>
    <rPh sb="4" eb="6">
      <t>カヤマ</t>
    </rPh>
    <phoneticPr fontId="5"/>
  </si>
  <si>
    <t>横浜市旭区上白根町1161-7</t>
    <rPh sb="0" eb="3">
      <t>ヨコハマシ</t>
    </rPh>
    <rPh sb="3" eb="5">
      <t>アサヒク</t>
    </rPh>
    <rPh sb="5" eb="9">
      <t>カミシラネチョウ</t>
    </rPh>
    <phoneticPr fontId="5"/>
  </si>
  <si>
    <t>川崎市宮前区有馬3-22-1</t>
    <rPh sb="2" eb="3">
      <t>シ</t>
    </rPh>
    <rPh sb="3" eb="8">
      <t>ミヤマエクアリマ</t>
    </rPh>
    <phoneticPr fontId="5"/>
  </si>
  <si>
    <t>秦野市下大槻113</t>
    <rPh sb="0" eb="3">
      <t>ハダノシ</t>
    </rPh>
    <rPh sb="3" eb="4">
      <t>シモ</t>
    </rPh>
    <rPh sb="4" eb="6">
      <t>オオツキ</t>
    </rPh>
    <phoneticPr fontId="5"/>
  </si>
  <si>
    <t>平塚市四之宮1-3-39</t>
    <rPh sb="0" eb="3">
      <t>ヒラツカシ</t>
    </rPh>
    <rPh sb="3" eb="6">
      <t>シノミヤ</t>
    </rPh>
    <phoneticPr fontId="5"/>
  </si>
  <si>
    <t>川崎市宮前区有馬3-22-1</t>
    <rPh sb="3" eb="6">
      <t>ミヤマエク</t>
    </rPh>
    <rPh sb="6" eb="8">
      <t>アリマ</t>
    </rPh>
    <phoneticPr fontId="5"/>
  </si>
  <si>
    <t>秦野市下大槻113</t>
    <rPh sb="0" eb="3">
      <t>ハダノシ</t>
    </rPh>
    <rPh sb="3" eb="4">
      <t>シモ</t>
    </rPh>
    <rPh sb="4" eb="6">
      <t>オオヅキ</t>
    </rPh>
    <phoneticPr fontId="5"/>
  </si>
  <si>
    <t>中郡大磯町生沢527</t>
    <rPh sb="0" eb="2">
      <t>ナカグン</t>
    </rPh>
    <rPh sb="2" eb="7">
      <t>オオイソマチイクサワ</t>
    </rPh>
    <phoneticPr fontId="5"/>
  </si>
  <si>
    <t>愛甲郡清川村宮ヶ瀬940-4</t>
    <rPh sb="0" eb="3">
      <t>アイコウグン</t>
    </rPh>
    <rPh sb="3" eb="5">
      <t>キヨカワ</t>
    </rPh>
    <rPh sb="5" eb="6">
      <t>ムラ</t>
    </rPh>
    <rPh sb="6" eb="9">
      <t>ミヤガセ</t>
    </rPh>
    <phoneticPr fontId="5"/>
  </si>
  <si>
    <t>小田原市栢山２００</t>
    <rPh sb="0" eb="4">
      <t>オダワラシ</t>
    </rPh>
    <rPh sb="4" eb="6">
      <t>カヤマ</t>
    </rPh>
    <phoneticPr fontId="5"/>
  </si>
  <si>
    <t>小田原市栢山200</t>
    <rPh sb="0" eb="4">
      <t>オダワラシ</t>
    </rPh>
    <rPh sb="4" eb="6">
      <t>カヤマ</t>
    </rPh>
    <phoneticPr fontId="5"/>
  </si>
  <si>
    <t>横浜市旭区二俣川1-80-2</t>
    <rPh sb="0" eb="3">
      <t>ヨコハマシ</t>
    </rPh>
    <rPh sb="3" eb="5">
      <t>アサヒク</t>
    </rPh>
    <rPh sb="5" eb="8">
      <t>フタマタガワ</t>
    </rPh>
    <phoneticPr fontId="5"/>
  </si>
  <si>
    <t>川崎市宮前区有馬3-22-1</t>
  </si>
  <si>
    <t>伊勢原市上粕屋448外</t>
    <rPh sb="0" eb="7">
      <t>イセハラシカミカスヤ</t>
    </rPh>
    <rPh sb="10" eb="11">
      <t>ホカ</t>
    </rPh>
    <phoneticPr fontId="8"/>
  </si>
  <si>
    <t>横浜市旭区鶴ケ峰一丁目地内</t>
    <rPh sb="0" eb="3">
      <t>ヨコハマシ</t>
    </rPh>
    <rPh sb="3" eb="5">
      <t>アサヒク</t>
    </rPh>
    <rPh sb="5" eb="8">
      <t>ツルガミネ</t>
    </rPh>
    <rPh sb="8" eb="11">
      <t>１チョウメ</t>
    </rPh>
    <rPh sb="11" eb="13">
      <t>チナイ</t>
    </rPh>
    <phoneticPr fontId="8"/>
  </si>
  <si>
    <t>横浜市旭区万騎が原39外</t>
  </si>
  <si>
    <t>大和市下和田512-1外</t>
    <rPh sb="0" eb="3">
      <t>ヤマトシ</t>
    </rPh>
    <rPh sb="3" eb="6">
      <t>シモワダ</t>
    </rPh>
    <rPh sb="11" eb="12">
      <t>ソト</t>
    </rPh>
    <phoneticPr fontId="8"/>
  </si>
  <si>
    <t>綾瀬市寺尾中２－１外</t>
    <rPh sb="0" eb="3">
      <t>アヤセシ</t>
    </rPh>
    <rPh sb="3" eb="5">
      <t>テラオ</t>
    </rPh>
    <rPh sb="5" eb="6">
      <t>ナカ</t>
    </rPh>
    <rPh sb="9" eb="10">
      <t>ホカ</t>
    </rPh>
    <phoneticPr fontId="8"/>
  </si>
  <si>
    <t>土木一式</t>
    <rPh sb="0" eb="2">
      <t>ドボク</t>
    </rPh>
    <rPh sb="2" eb="3">
      <t>イチ</t>
    </rPh>
    <rPh sb="3" eb="4">
      <t>シキ</t>
    </rPh>
    <phoneticPr fontId="23"/>
  </si>
  <si>
    <t>電気通信</t>
    <rPh sb="0" eb="2">
      <t>デンキ</t>
    </rPh>
    <rPh sb="2" eb="4">
      <t>ツウシン</t>
    </rPh>
    <phoneticPr fontId="0"/>
  </si>
  <si>
    <t>鋼構造物</t>
    <rPh sb="0" eb="1">
      <t>ハガネ</t>
    </rPh>
    <rPh sb="1" eb="4">
      <t>コウゾウブツ</t>
    </rPh>
    <phoneticPr fontId="0"/>
  </si>
  <si>
    <t>電気</t>
    <rPh sb="0" eb="2">
      <t>デンキ</t>
    </rPh>
    <phoneticPr fontId="27"/>
  </si>
  <si>
    <t>とび・土工・コンクリート（標識等道路付属物等設置）</t>
    <rPh sb="3" eb="5">
      <t>ドコウ</t>
    </rPh>
    <rPh sb="13" eb="16">
      <t>ヒョウシキトウ</t>
    </rPh>
    <rPh sb="16" eb="18">
      <t>ドウロ</t>
    </rPh>
    <rPh sb="18" eb="20">
      <t>フゾク</t>
    </rPh>
    <rPh sb="20" eb="21">
      <t>ブツ</t>
    </rPh>
    <rPh sb="21" eb="22">
      <t>トウ</t>
    </rPh>
    <rPh sb="22" eb="24">
      <t>セッチ</t>
    </rPh>
    <phoneticPr fontId="25"/>
  </si>
  <si>
    <t>土木一式</t>
    <rPh sb="0" eb="2">
      <t>ドボク</t>
    </rPh>
    <rPh sb="2" eb="3">
      <t>イチ</t>
    </rPh>
    <rPh sb="3" eb="4">
      <t>シキ</t>
    </rPh>
    <phoneticPr fontId="27"/>
  </si>
  <si>
    <t>しゅんせつ（河川浚渫）</t>
    <rPh sb="6" eb="8">
      <t>カセン</t>
    </rPh>
    <rPh sb="8" eb="10">
      <t>シュンセツ</t>
    </rPh>
    <phoneticPr fontId="25"/>
  </si>
  <si>
    <t>とび・土工・コンクリート（法面処理かつ吹付）かつ土木一式</t>
    <rPh sb="3" eb="5">
      <t>ドコウ</t>
    </rPh>
    <rPh sb="13" eb="15">
      <t>ノリメン</t>
    </rPh>
    <rPh sb="15" eb="17">
      <t>ショリ</t>
    </rPh>
    <rPh sb="19" eb="21">
      <t>フキツケ</t>
    </rPh>
    <rPh sb="24" eb="26">
      <t>ドボク</t>
    </rPh>
    <rPh sb="26" eb="28">
      <t>イッシキ</t>
    </rPh>
    <phoneticPr fontId="25"/>
  </si>
  <si>
    <t>土木一式</t>
    <rPh sb="0" eb="4">
      <t>ドボクイッシキ</t>
    </rPh>
    <phoneticPr fontId="25"/>
  </si>
  <si>
    <t>ほ装</t>
    <rPh sb="1" eb="2">
      <t>ソウ</t>
    </rPh>
    <phoneticPr fontId="20"/>
  </si>
  <si>
    <t>ほ装</t>
    <rPh sb="1" eb="2">
      <t>ソウ</t>
    </rPh>
    <phoneticPr fontId="22"/>
  </si>
  <si>
    <t>電気</t>
    <rPh sb="0" eb="2">
      <t>デンキ</t>
    </rPh>
    <phoneticPr fontId="0"/>
  </si>
  <si>
    <t>土木一式</t>
    <rPh sb="0" eb="2">
      <t>ドボク</t>
    </rPh>
    <rPh sb="2" eb="3">
      <t>イチ</t>
    </rPh>
    <rPh sb="3" eb="4">
      <t>シキ</t>
    </rPh>
    <phoneticPr fontId="0"/>
  </si>
  <si>
    <t>とび・土工・コンクリート（法面処理かつ吹付）かつ土木一式</t>
    <rPh sb="3" eb="4">
      <t>ツチ</t>
    </rPh>
    <rPh sb="4" eb="5">
      <t>コウ</t>
    </rPh>
    <rPh sb="13" eb="14">
      <t>ノリ</t>
    </rPh>
    <rPh sb="14" eb="15">
      <t>メン</t>
    </rPh>
    <rPh sb="15" eb="17">
      <t>ショリ</t>
    </rPh>
    <rPh sb="19" eb="21">
      <t>フキツケ</t>
    </rPh>
    <rPh sb="24" eb="28">
      <t>ドボクイッシキ</t>
    </rPh>
    <phoneticPr fontId="0"/>
  </si>
  <si>
    <t>土木一式</t>
    <rPh sb="0" eb="2">
      <t>ドボク</t>
    </rPh>
    <rPh sb="2" eb="3">
      <t>イチ</t>
    </rPh>
    <rPh sb="3" eb="4">
      <t>シキ</t>
    </rPh>
    <phoneticPr fontId="0"/>
  </si>
  <si>
    <t>とび・土工・コンクリート（法面処理かつ吹付）かつ土木一式</t>
    <rPh sb="3" eb="5">
      <t>ドコウ</t>
    </rPh>
    <rPh sb="13" eb="15">
      <t>ノリメン</t>
    </rPh>
    <rPh sb="15" eb="17">
      <t>ショリ</t>
    </rPh>
    <rPh sb="19" eb="21">
      <t>フキツケ</t>
    </rPh>
    <rPh sb="24" eb="28">
      <t>ドボクイッシキ</t>
    </rPh>
    <phoneticPr fontId="26"/>
  </si>
  <si>
    <t>とび・土工・コンクリート（法面処理かつ吹付）かつ土木一式</t>
    <rPh sb="3" eb="5">
      <t>ドコウ</t>
    </rPh>
    <rPh sb="13" eb="17">
      <t>ノリメンショリ</t>
    </rPh>
    <rPh sb="19" eb="21">
      <t>フキツケ</t>
    </rPh>
    <rPh sb="24" eb="28">
      <t>ドボクイッシキ</t>
    </rPh>
    <phoneticPr fontId="0"/>
  </si>
  <si>
    <t>ほ装</t>
    <rPh sb="1" eb="2">
      <t>ソウ</t>
    </rPh>
    <phoneticPr fontId="16"/>
  </si>
  <si>
    <t>とび・土工・コンクリート（法面処理かつ吹付）かつ土木一式</t>
    <rPh sb="3" eb="5">
      <t>ドコウ</t>
    </rPh>
    <phoneticPr fontId="16"/>
  </si>
  <si>
    <t>ほ装</t>
    <rPh sb="1" eb="2">
      <t>ソウ</t>
    </rPh>
    <phoneticPr fontId="0"/>
  </si>
  <si>
    <t>造園</t>
    <rPh sb="0" eb="2">
      <t>ゾウエン</t>
    </rPh>
    <phoneticPr fontId="0"/>
  </si>
  <si>
    <t>土木一式</t>
    <rPh sb="0" eb="2">
      <t>ドボク</t>
    </rPh>
    <rPh sb="2" eb="3">
      <t>イチ</t>
    </rPh>
    <rPh sb="3" eb="4">
      <t>シキ</t>
    </rPh>
    <phoneticPr fontId="0"/>
  </si>
  <si>
    <t>とび・土工・コンクリート（法面処理かつ吹付）かつ土木一式</t>
    <rPh sb="3" eb="5">
      <t>ドコウ</t>
    </rPh>
    <phoneticPr fontId="0"/>
  </si>
  <si>
    <t>塗装（路面表示）</t>
    <rPh sb="0" eb="2">
      <t>トソウ</t>
    </rPh>
    <rPh sb="3" eb="5">
      <t>ロメン</t>
    </rPh>
    <rPh sb="5" eb="7">
      <t>ヒョウジ</t>
    </rPh>
    <phoneticPr fontId="18"/>
  </si>
  <si>
    <t>とび・土工・コンクリート（法面処理かつ吹付）かつ土木一式</t>
    <rPh sb="3" eb="5">
      <t>ドコウ</t>
    </rPh>
    <rPh sb="13" eb="15">
      <t>ノリメン</t>
    </rPh>
    <rPh sb="15" eb="17">
      <t>ショリ</t>
    </rPh>
    <rPh sb="19" eb="21">
      <t>フキツケ</t>
    </rPh>
    <rPh sb="24" eb="28">
      <t>ドボクイッシキ</t>
    </rPh>
    <phoneticPr fontId="18"/>
  </si>
  <si>
    <t>ほ装</t>
    <rPh sb="1" eb="2">
      <t>ソウ</t>
    </rPh>
    <phoneticPr fontId="19"/>
  </si>
  <si>
    <t>とび・土工・コンクリート（法面処理）かつ土木一式</t>
    <rPh sb="3" eb="5">
      <t>ドコウ</t>
    </rPh>
    <rPh sb="13" eb="15">
      <t>ノリメン</t>
    </rPh>
    <rPh sb="15" eb="17">
      <t>ショリ</t>
    </rPh>
    <rPh sb="20" eb="24">
      <t>ドボクイッシキ</t>
    </rPh>
    <phoneticPr fontId="19"/>
  </si>
  <si>
    <t>とび・土工・コンクリート（法面処理かつ吹付）かつ土木一式</t>
    <rPh sb="3" eb="5">
      <t>ドコウ</t>
    </rPh>
    <rPh sb="13" eb="15">
      <t>ノリメン</t>
    </rPh>
    <rPh sb="15" eb="17">
      <t>ショリ</t>
    </rPh>
    <rPh sb="19" eb="21">
      <t>フキツケ</t>
    </rPh>
    <rPh sb="24" eb="28">
      <t>ドボクイッシキ</t>
    </rPh>
    <phoneticPr fontId="19"/>
  </si>
  <si>
    <t>とび・土工・コンクリート</t>
    <rPh sb="3" eb="5">
      <t>ドコウ</t>
    </rPh>
    <phoneticPr fontId="19"/>
  </si>
  <si>
    <t>土木一式</t>
    <rPh sb="0" eb="2">
      <t>ドボク</t>
    </rPh>
    <rPh sb="2" eb="3">
      <t>イチ</t>
    </rPh>
    <rPh sb="3" eb="4">
      <t>シキ</t>
    </rPh>
    <phoneticPr fontId="29"/>
  </si>
  <si>
    <t>とび・土工・コンクリート（法面処理かつ吹付）かつ土木一式</t>
    <rPh sb="3" eb="4">
      <t>ツチ</t>
    </rPh>
    <rPh sb="4" eb="5">
      <t>コウ</t>
    </rPh>
    <rPh sb="13" eb="14">
      <t>ノリ</t>
    </rPh>
    <rPh sb="14" eb="15">
      <t>メン</t>
    </rPh>
    <rPh sb="15" eb="17">
      <t>ショリ</t>
    </rPh>
    <rPh sb="19" eb="21">
      <t>フキツ</t>
    </rPh>
    <rPh sb="24" eb="26">
      <t>ドボク</t>
    </rPh>
    <rPh sb="26" eb="28">
      <t>イッシキ</t>
    </rPh>
    <phoneticPr fontId="29"/>
  </si>
  <si>
    <t>機械器具設置</t>
    <rPh sb="0" eb="2">
      <t>キカイ</t>
    </rPh>
    <rPh sb="2" eb="4">
      <t>キグ</t>
    </rPh>
    <rPh sb="4" eb="6">
      <t>セッチ</t>
    </rPh>
    <phoneticPr fontId="2"/>
  </si>
  <si>
    <t>土木一式</t>
    <rPh sb="0" eb="2">
      <t>ドボク</t>
    </rPh>
    <rPh sb="2" eb="3">
      <t>イチ</t>
    </rPh>
    <rPh sb="3" eb="4">
      <t>シキ</t>
    </rPh>
    <phoneticPr fontId="2"/>
  </si>
  <si>
    <t>ほ装</t>
    <rPh sb="1" eb="2">
      <t>ソウ</t>
    </rPh>
    <phoneticPr fontId="0"/>
  </si>
  <si>
    <t>とび・土工・コンクリート（法面処理かつ吹付）かつ土木一式</t>
    <rPh sb="19" eb="21">
      <t>フキツケ</t>
    </rPh>
    <rPh sb="24" eb="28">
      <t>ドボクイッシキ</t>
    </rPh>
    <phoneticPr fontId="0"/>
  </si>
  <si>
    <t>とび・土工・コンクリート（法面処理）かつ土木一式</t>
    <rPh sb="20" eb="24">
      <t>ドボクイッシキ</t>
    </rPh>
    <phoneticPr fontId="0"/>
  </si>
  <si>
    <t>電気通信</t>
    <rPh sb="0" eb="2">
      <t>デンキ</t>
    </rPh>
    <rPh sb="2" eb="4">
      <t>ツウシン</t>
    </rPh>
    <phoneticPr fontId="2"/>
  </si>
  <si>
    <t>しゅんせつ（河川浚渫）</t>
    <rPh sb="6" eb="8">
      <t>カセン</t>
    </rPh>
    <rPh sb="8" eb="10">
      <t>シュンセツ</t>
    </rPh>
    <phoneticPr fontId="0"/>
  </si>
  <si>
    <t>とび・土工・コンクリート</t>
    <rPh sb="3" eb="5">
      <t>ドコウ</t>
    </rPh>
    <phoneticPr fontId="0"/>
  </si>
  <si>
    <t>とび・土工・コンクリート（法面処理）かつ土木一式</t>
    <rPh sb="3" eb="5">
      <t>ドコウ</t>
    </rPh>
    <rPh sb="13" eb="15">
      <t>ノリメン</t>
    </rPh>
    <rPh sb="15" eb="17">
      <t>ショリ</t>
    </rPh>
    <rPh sb="20" eb="24">
      <t>ドボクイッシキ</t>
    </rPh>
    <phoneticPr fontId="0"/>
  </si>
  <si>
    <t>土木一式</t>
    <rPh sb="0" eb="2">
      <t>ドボク</t>
    </rPh>
    <rPh sb="2" eb="4">
      <t>イッシキ</t>
    </rPh>
    <phoneticPr fontId="5"/>
  </si>
  <si>
    <t>土木一式</t>
  </si>
  <si>
    <t>とび・土工・コンクリート（法面処理及び吹付）</t>
    <rPh sb="3" eb="4">
      <t>ツチ</t>
    </rPh>
    <rPh sb="4" eb="5">
      <t>コウ</t>
    </rPh>
    <rPh sb="13" eb="14">
      <t>ノリ</t>
    </rPh>
    <rPh sb="14" eb="15">
      <t>メン</t>
    </rPh>
    <rPh sb="15" eb="17">
      <t>ショリ</t>
    </rPh>
    <rPh sb="17" eb="18">
      <t>オヨ</t>
    </rPh>
    <rPh sb="19" eb="21">
      <t>フキツ</t>
    </rPh>
    <phoneticPr fontId="5"/>
  </si>
  <si>
    <t>ほ装</t>
    <rPh sb="1" eb="2">
      <t>ソウ</t>
    </rPh>
    <phoneticPr fontId="5"/>
  </si>
  <si>
    <t>電気通信</t>
    <rPh sb="0" eb="2">
      <t>デンキ</t>
    </rPh>
    <rPh sb="2" eb="4">
      <t>ツウシン</t>
    </rPh>
    <phoneticPr fontId="5"/>
  </si>
  <si>
    <t>塗装</t>
    <rPh sb="0" eb="2">
      <t>トソウ</t>
    </rPh>
    <phoneticPr fontId="5"/>
  </si>
  <si>
    <t>造園</t>
    <rPh sb="0" eb="2">
      <t>ゾウエン</t>
    </rPh>
    <phoneticPr fontId="5"/>
  </si>
  <si>
    <t>管（冷暖房空調）</t>
    <rPh sb="0" eb="1">
      <t>クダ</t>
    </rPh>
    <rPh sb="2" eb="5">
      <t>レイダンボウ</t>
    </rPh>
    <rPh sb="5" eb="7">
      <t>クウチョウ</t>
    </rPh>
    <phoneticPr fontId="5"/>
  </si>
  <si>
    <t>機械器具設置（水処理機械設備）</t>
    <rPh sb="0" eb="2">
      <t>キカイ</t>
    </rPh>
    <rPh sb="2" eb="4">
      <t>キグ</t>
    </rPh>
    <rPh sb="4" eb="6">
      <t>セッチ</t>
    </rPh>
    <rPh sb="7" eb="8">
      <t>ミズ</t>
    </rPh>
    <rPh sb="8" eb="10">
      <t>ショリ</t>
    </rPh>
    <rPh sb="10" eb="12">
      <t>キカイ</t>
    </rPh>
    <rPh sb="12" eb="14">
      <t>セツビ</t>
    </rPh>
    <phoneticPr fontId="5"/>
  </si>
  <si>
    <t>電気</t>
    <rPh sb="0" eb="2">
      <t>デンキ</t>
    </rPh>
    <phoneticPr fontId="5"/>
  </si>
  <si>
    <t>鋼構造物（鋼橋上部）</t>
    <rPh sb="0" eb="1">
      <t>ハガネ</t>
    </rPh>
    <rPh sb="1" eb="3">
      <t>コウゾウ</t>
    </rPh>
    <rPh sb="3" eb="4">
      <t>ブツ</t>
    </rPh>
    <rPh sb="5" eb="6">
      <t>ハガネ</t>
    </rPh>
    <rPh sb="6" eb="7">
      <t>ハシ</t>
    </rPh>
    <rPh sb="7" eb="9">
      <t>ジョウブ</t>
    </rPh>
    <phoneticPr fontId="5"/>
  </si>
  <si>
    <t>とび・土工・コンクリート</t>
    <rPh sb="3" eb="4">
      <t>ド</t>
    </rPh>
    <rPh sb="4" eb="5">
      <t>コウ</t>
    </rPh>
    <phoneticPr fontId="5"/>
  </si>
  <si>
    <t>管</t>
    <rPh sb="0" eb="1">
      <t>クダ</t>
    </rPh>
    <phoneticPr fontId="5"/>
  </si>
  <si>
    <t>とび・土工・コンクリート（法面処理かつ吹付）</t>
    <rPh sb="3" eb="4">
      <t>ド</t>
    </rPh>
    <rPh sb="4" eb="5">
      <t>コウ</t>
    </rPh>
    <rPh sb="13" eb="15">
      <t>ノリメン</t>
    </rPh>
    <rPh sb="15" eb="17">
      <t>ショリ</t>
    </rPh>
    <rPh sb="19" eb="21">
      <t>フキツケ</t>
    </rPh>
    <phoneticPr fontId="5"/>
  </si>
  <si>
    <t>塗装（鉄鋼造物塗装）</t>
    <rPh sb="3" eb="4">
      <t>テツ</t>
    </rPh>
    <rPh sb="5" eb="7">
      <t>ゾウブツ</t>
    </rPh>
    <rPh sb="7" eb="9">
      <t>トソウ</t>
    </rPh>
    <phoneticPr fontId="5"/>
  </si>
  <si>
    <t>電気（道路照明）</t>
    <rPh sb="0" eb="2">
      <t>デンキ</t>
    </rPh>
    <rPh sb="3" eb="5">
      <t>ドウロ</t>
    </rPh>
    <rPh sb="5" eb="7">
      <t>ショウメイ</t>
    </rPh>
    <phoneticPr fontId="5"/>
  </si>
  <si>
    <t>塗装（路面表示）</t>
    <rPh sb="0" eb="2">
      <t>トソウ</t>
    </rPh>
    <rPh sb="3" eb="5">
      <t>ロメン</t>
    </rPh>
    <rPh sb="5" eb="7">
      <t>ヒョウジ</t>
    </rPh>
    <phoneticPr fontId="5"/>
  </si>
  <si>
    <t>とび・土工・コンクリート（法面処理かつ吹付）</t>
    <rPh sb="3" eb="4">
      <t>ド</t>
    </rPh>
    <rPh sb="4" eb="5">
      <t>コウ</t>
    </rPh>
    <phoneticPr fontId="5"/>
  </si>
  <si>
    <t>とび・土工・コンクリート（法面処理かつ吹付）</t>
    <rPh sb="3" eb="4">
      <t>ド</t>
    </rPh>
    <rPh sb="4" eb="5">
      <t>コウ</t>
    </rPh>
    <rPh sb="13" eb="17">
      <t>ノリメンショリ</t>
    </rPh>
    <rPh sb="19" eb="21">
      <t>フキツケ</t>
    </rPh>
    <phoneticPr fontId="5"/>
  </si>
  <si>
    <t>とび・土工・コンクリート（法面処理）</t>
    <rPh sb="3" eb="4">
      <t>ド</t>
    </rPh>
    <rPh sb="4" eb="5">
      <t>コウ</t>
    </rPh>
    <phoneticPr fontId="5"/>
  </si>
  <si>
    <t>とび・土工・コンクリート（法面処理）</t>
    <rPh sb="3" eb="4">
      <t>ド</t>
    </rPh>
    <rPh sb="4" eb="5">
      <t>コウ</t>
    </rPh>
    <rPh sb="13" eb="14">
      <t>ホウ</t>
    </rPh>
    <rPh sb="14" eb="15">
      <t>メン</t>
    </rPh>
    <rPh sb="15" eb="17">
      <t>ショリ</t>
    </rPh>
    <phoneticPr fontId="5"/>
  </si>
  <si>
    <t>機械器具設置</t>
    <rPh sb="0" eb="2">
      <t>キカイ</t>
    </rPh>
    <rPh sb="2" eb="4">
      <t>キグ</t>
    </rPh>
    <rPh sb="4" eb="6">
      <t>セッチ</t>
    </rPh>
    <phoneticPr fontId="5"/>
  </si>
  <si>
    <t>とび・土工・コンクリート</t>
    <rPh sb="3" eb="4">
      <t>ツチ</t>
    </rPh>
    <rPh sb="4" eb="5">
      <t>コウ</t>
    </rPh>
    <phoneticPr fontId="5"/>
  </si>
  <si>
    <t>とび・土工・コンクリート</t>
    <rPh sb="3" eb="4">
      <t>ツチ</t>
    </rPh>
    <rPh sb="4" eb="5">
      <t>コウ</t>
    </rPh>
    <phoneticPr fontId="8"/>
  </si>
  <si>
    <t>土木一式</t>
    <rPh sb="0" eb="2">
      <t>ドボク</t>
    </rPh>
    <rPh sb="2" eb="4">
      <t>イッシキ</t>
    </rPh>
    <phoneticPr fontId="21"/>
  </si>
  <si>
    <t>電気</t>
    <rPh sb="0" eb="2">
      <t>デンキ</t>
    </rPh>
    <phoneticPr fontId="8"/>
  </si>
  <si>
    <t>電気</t>
  </si>
  <si>
    <t>水道施設</t>
    <rPh sb="0" eb="2">
      <t>スイドウ</t>
    </rPh>
    <rPh sb="2" eb="4">
      <t>シセツ</t>
    </rPh>
    <phoneticPr fontId="8"/>
  </si>
  <si>
    <t>土木一式</t>
    <rPh sb="0" eb="2">
      <t>ドボク</t>
    </rPh>
    <rPh sb="2" eb="3">
      <t>イチ</t>
    </rPh>
    <rPh sb="3" eb="4">
      <t>シキ</t>
    </rPh>
    <phoneticPr fontId="8"/>
  </si>
  <si>
    <t>造園</t>
    <rPh sb="0" eb="2">
      <t>ゾウエン</t>
    </rPh>
    <phoneticPr fontId="10"/>
  </si>
  <si>
    <t>とび・土工・コンクリート</t>
    <rPh sb="3" eb="5">
      <t>ドコウ</t>
    </rPh>
    <phoneticPr fontId="10"/>
  </si>
  <si>
    <t>土木一式</t>
    <rPh sb="0" eb="2">
      <t>ドボク</t>
    </rPh>
    <rPh sb="2" eb="4">
      <t>イッシキ</t>
    </rPh>
    <phoneticPr fontId="10"/>
  </si>
  <si>
    <t>消防施設</t>
    <rPh sb="0" eb="2">
      <t>ショウボウ</t>
    </rPh>
    <rPh sb="2" eb="4">
      <t>シセツ</t>
    </rPh>
    <phoneticPr fontId="8"/>
  </si>
  <si>
    <t>管</t>
    <rPh sb="0" eb="1">
      <t>クダ</t>
    </rPh>
    <phoneticPr fontId="8"/>
  </si>
  <si>
    <t>土木一式</t>
    <rPh sb="0" eb="4">
      <t>ドボ</t>
    </rPh>
    <phoneticPr fontId="10"/>
  </si>
  <si>
    <t>とび・土工・コンクリート</t>
  </si>
  <si>
    <t>電気通信</t>
    <rPh sb="0" eb="2">
      <t>デンキ</t>
    </rPh>
    <rPh sb="2" eb="4">
      <t>ツウシン</t>
    </rPh>
    <phoneticPr fontId="10"/>
  </si>
  <si>
    <t>電気</t>
    <rPh sb="0" eb="2">
      <t>デンキ</t>
    </rPh>
    <phoneticPr fontId="10"/>
  </si>
  <si>
    <t>土木一式</t>
    <rPh sb="0" eb="2">
      <t>ドボク</t>
    </rPh>
    <rPh sb="2" eb="3">
      <t>イチ</t>
    </rPh>
    <rPh sb="3" eb="4">
      <t>シキ</t>
    </rPh>
    <phoneticPr fontId="5"/>
  </si>
  <si>
    <t>塗装</t>
    <rPh sb="0" eb="2">
      <t>トソウ</t>
    </rPh>
    <phoneticPr fontId="10"/>
  </si>
  <si>
    <t>とび・土工・コンクリート</t>
    <rPh sb="3" eb="4">
      <t>ツチ</t>
    </rPh>
    <rPh sb="4" eb="5">
      <t>コウ</t>
    </rPh>
    <phoneticPr fontId="9"/>
  </si>
  <si>
    <t>とび・土工・コンクリート</t>
    <rPh sb="3" eb="5">
      <t>ドコウ</t>
    </rPh>
    <phoneticPr fontId="21"/>
  </si>
  <si>
    <t>電気通信</t>
    <rPh sb="0" eb="2">
      <t>デンキ</t>
    </rPh>
    <rPh sb="2" eb="4">
      <t>ツウシン</t>
    </rPh>
    <phoneticPr fontId="9"/>
  </si>
  <si>
    <t>とび・土工・コンクリート</t>
    <rPh sb="3" eb="4">
      <t>ツチ</t>
    </rPh>
    <rPh sb="4" eb="5">
      <t>コウ</t>
    </rPh>
    <phoneticPr fontId="14"/>
  </si>
  <si>
    <t>塗装</t>
    <rPh sb="0" eb="2">
      <t>トソウ</t>
    </rPh>
    <phoneticPr fontId="14"/>
  </si>
  <si>
    <t>電気通信</t>
    <rPh sb="0" eb="2">
      <t>デンキ</t>
    </rPh>
    <rPh sb="2" eb="4">
      <t>ツウシン</t>
    </rPh>
    <phoneticPr fontId="14"/>
  </si>
  <si>
    <t>電気</t>
    <rPh sb="0" eb="2">
      <t>デンキ</t>
    </rPh>
    <phoneticPr fontId="14"/>
  </si>
  <si>
    <t>建築一式</t>
    <rPh sb="0" eb="2">
      <t>ケンチク</t>
    </rPh>
    <rPh sb="2" eb="3">
      <t>イチ</t>
    </rPh>
    <rPh sb="3" eb="4">
      <t>シキ</t>
    </rPh>
    <phoneticPr fontId="5"/>
  </si>
  <si>
    <t>建築一式</t>
  </si>
  <si>
    <t>土木一式</t>
    <rPh sb="0" eb="2">
      <t>ドボク</t>
    </rPh>
    <rPh sb="2" eb="4">
      <t>イッシキ</t>
    </rPh>
    <phoneticPr fontId="6"/>
  </si>
  <si>
    <t>電気</t>
    <rPh sb="0" eb="2">
      <t>デンキ</t>
    </rPh>
    <phoneticPr fontId="1"/>
  </si>
  <si>
    <t>管</t>
    <rPh sb="0" eb="1">
      <t>クダ</t>
    </rPh>
    <phoneticPr fontId="1"/>
  </si>
  <si>
    <t>解体</t>
    <rPh sb="0" eb="2">
      <t>カイタイ</t>
    </rPh>
    <phoneticPr fontId="5"/>
  </si>
  <si>
    <t>防水</t>
    <rPh sb="0" eb="2">
      <t>ボウスイ</t>
    </rPh>
    <phoneticPr fontId="8"/>
  </si>
  <si>
    <t>横須賀市大滝町二丁目　地内</t>
    <rPh sb="0" eb="4">
      <t>ヨコスカシ</t>
    </rPh>
    <rPh sb="4" eb="7">
      <t>オオダキチョウ</t>
    </rPh>
    <rPh sb="6" eb="7">
      <t>チョウ</t>
    </rPh>
    <rPh sb="7" eb="10">
      <t>ニチョウメ</t>
    </rPh>
    <rPh sb="11" eb="13">
      <t>チナイ</t>
    </rPh>
    <phoneticPr fontId="0"/>
  </si>
  <si>
    <t>令和３年度　交通安全施設等整備工事　県単（その７）令和４年度　交通安全施設等整備工事　公共（その２）県単（その１）令和４年度　道路補修工事　県単（その４）合併</t>
    <rPh sb="25" eb="27">
      <t>レイワ</t>
    </rPh>
    <rPh sb="28" eb="30">
      <t>ネンド</t>
    </rPh>
    <rPh sb="31" eb="42">
      <t>コウツウアンゼンシセツトウセイビコウジ</t>
    </rPh>
    <rPh sb="43" eb="45">
      <t>コウキョウ</t>
    </rPh>
    <rPh sb="50" eb="51">
      <t>ケン</t>
    </rPh>
    <rPh sb="51" eb="52">
      <t>タン</t>
    </rPh>
    <rPh sb="63" eb="65">
      <t>ドウロ</t>
    </rPh>
    <rPh sb="65" eb="67">
      <t>ホシュウ</t>
    </rPh>
    <rPh sb="77" eb="79">
      <t>ガッペイ</t>
    </rPh>
    <phoneticPr fontId="5"/>
  </si>
  <si>
    <t>厚木市酒井地先[Ａ区域]</t>
    <rPh sb="0" eb="3">
      <t>アツギシ</t>
    </rPh>
    <rPh sb="3" eb="5">
      <t>サカイ</t>
    </rPh>
    <rPh sb="5" eb="7">
      <t>チサキ</t>
    </rPh>
    <rPh sb="9" eb="11">
      <t>クイキ</t>
    </rPh>
    <phoneticPr fontId="21"/>
  </si>
  <si>
    <t>令和３年度　道路改良工事　公共（その２）　令和３年度　道路改良工事　県単（その５）　令和４年度　道路改良工事　県単（その16）　合併</t>
    <rPh sb="42" eb="44">
      <t>レイワ</t>
    </rPh>
    <rPh sb="44" eb="47">
      <t>ヨネンド</t>
    </rPh>
    <rPh sb="48" eb="50">
      <t>ドウロ</t>
    </rPh>
    <rPh sb="50" eb="52">
      <t>カイリョウ</t>
    </rPh>
    <rPh sb="52" eb="54">
      <t>コウジ</t>
    </rPh>
    <rPh sb="55" eb="56">
      <t>ケン</t>
    </rPh>
    <rPh sb="56" eb="57">
      <t>タン</t>
    </rPh>
    <phoneticPr fontId="5"/>
  </si>
  <si>
    <t>令和２年度　河川改修工事　公共（その４）　令和３年度　河川改修工事　公共（その１）　令和３年度　河川改修工事　県単（その18）　令和４年度　河川改修工事　公共（その18）　合併</t>
    <rPh sb="64" eb="66">
      <t>レイワ</t>
    </rPh>
    <rPh sb="67" eb="68">
      <t>ネン</t>
    </rPh>
    <rPh sb="68" eb="69">
      <t>ド</t>
    </rPh>
    <rPh sb="70" eb="72">
      <t>カセン</t>
    </rPh>
    <rPh sb="72" eb="74">
      <t>カイシュウ</t>
    </rPh>
    <rPh sb="74" eb="76">
      <t>コウジ</t>
    </rPh>
    <rPh sb="77" eb="79">
      <t>コウキョウ</t>
    </rPh>
    <phoneticPr fontId="5"/>
  </si>
  <si>
    <t>令和２年度　都市公園課整備工事 公共（その12）令和３年度　公園整備工事　県単（その５）合併</t>
    <rPh sb="0" eb="1">
      <t>レイ</t>
    </rPh>
    <rPh sb="1" eb="2">
      <t>ワ</t>
    </rPh>
    <rPh sb="3" eb="5">
      <t>ネンド</t>
    </rPh>
    <rPh sb="6" eb="11">
      <t>トシコウ</t>
    </rPh>
    <rPh sb="11" eb="13">
      <t>セイビ</t>
    </rPh>
    <rPh sb="13" eb="15">
      <t>コウジ</t>
    </rPh>
    <rPh sb="16" eb="18">
      <t>コウキョウ</t>
    </rPh>
    <rPh sb="24" eb="25">
      <t>レイ</t>
    </rPh>
    <rPh sb="25" eb="26">
      <t>ワ</t>
    </rPh>
    <rPh sb="27" eb="29">
      <t>ネンド</t>
    </rPh>
    <rPh sb="30" eb="32">
      <t>コウエン</t>
    </rPh>
    <rPh sb="32" eb="36">
      <t>セイビコウジ</t>
    </rPh>
    <rPh sb="37" eb="39">
      <t>ケンタン</t>
    </rPh>
    <rPh sb="44" eb="46">
      <t>ガッペイ</t>
    </rPh>
    <phoneticPr fontId="8"/>
  </si>
  <si>
    <t>令和３年度　交通安全施設補修工事（県単）その１０</t>
    <rPh sb="3" eb="5">
      <t>ネンド</t>
    </rPh>
    <rPh sb="6" eb="8">
      <t>コウツウ</t>
    </rPh>
    <rPh sb="8" eb="10">
      <t>アンゼン</t>
    </rPh>
    <rPh sb="10" eb="12">
      <t>シセツ</t>
    </rPh>
    <rPh sb="12" eb="14">
      <t>ホシュウ</t>
    </rPh>
    <rPh sb="14" eb="16">
      <t>コウジ</t>
    </rPh>
    <rPh sb="17" eb="18">
      <t>ケン</t>
    </rPh>
    <rPh sb="18" eb="19">
      <t>タン</t>
    </rPh>
    <phoneticPr fontId="10"/>
  </si>
  <si>
    <t>令和３年度　道路改良工事　県単（その27）　令和４年度　道路改良工事　県単（その５）合併</t>
    <rPh sb="0" eb="2">
      <t>レイワ</t>
    </rPh>
    <rPh sb="3" eb="5">
      <t>ネンド</t>
    </rPh>
    <rPh sb="6" eb="8">
      <t>ドウロ</t>
    </rPh>
    <rPh sb="8" eb="10">
      <t>カイリョウ</t>
    </rPh>
    <rPh sb="10" eb="12">
      <t>コウジ</t>
    </rPh>
    <rPh sb="13" eb="14">
      <t>ケン</t>
    </rPh>
    <rPh sb="14" eb="15">
      <t>タン</t>
    </rPh>
    <rPh sb="22" eb="24">
      <t>レイワ</t>
    </rPh>
    <rPh sb="25" eb="27">
      <t>ネンド</t>
    </rPh>
    <rPh sb="28" eb="34">
      <t>ドウロカイリョウコウジ</t>
    </rPh>
    <rPh sb="35" eb="37">
      <t>ケンタン</t>
    </rPh>
    <rPh sb="42" eb="44">
      <t>ガッペイ</t>
    </rPh>
    <phoneticPr fontId="14"/>
  </si>
  <si>
    <t>令和３年度　河川改修工事　公共（その４）
令和４年度　河川改修工事　公共（その２）　合併</t>
    <rPh sb="34" eb="36">
      <t>コウキョウ</t>
    </rPh>
    <phoneticPr fontId="8"/>
  </si>
  <si>
    <t>川崎市宮前区神木本町１丁目地内</t>
    <rPh sb="0" eb="3">
      <t>カワサキシ</t>
    </rPh>
    <rPh sb="3" eb="6">
      <t>ミヤマエク</t>
    </rPh>
    <rPh sb="6" eb="8">
      <t>シボク</t>
    </rPh>
    <rPh sb="8" eb="10">
      <t>ホンチョウ</t>
    </rPh>
    <rPh sb="11" eb="13">
      <t>チョウメ</t>
    </rPh>
    <rPh sb="13" eb="15">
      <t>チナイ</t>
    </rPh>
    <phoneticPr fontId="8"/>
  </si>
  <si>
    <t>有限会社下里建設</t>
  </si>
  <si>
    <t>有限会社一美建設</t>
  </si>
  <si>
    <t>有限会社林土木工業</t>
  </si>
  <si>
    <t>有限会社キリタ</t>
  </si>
  <si>
    <t>有限会社遠藤土木</t>
  </si>
  <si>
    <t>有限会社岩澤電機商会</t>
  </si>
  <si>
    <t>有限会社飯嶋開発</t>
  </si>
  <si>
    <t>有限会社勝己建設</t>
  </si>
  <si>
    <t>有限会社長谷川造園土木</t>
  </si>
  <si>
    <t>岩澤土木有限会社</t>
  </si>
  <si>
    <t>有限会社下山建設</t>
  </si>
  <si>
    <t>有限会社さくら建設</t>
  </si>
  <si>
    <t>有限会社アイ商会</t>
  </si>
  <si>
    <t>有限会社大谷建設</t>
  </si>
  <si>
    <t>有限会社ヒュウガ</t>
  </si>
  <si>
    <t>有限会社石田造園土木</t>
  </si>
  <si>
    <t>サミット工業有限会社</t>
  </si>
  <si>
    <t>有限会社赤城屋商店</t>
  </si>
  <si>
    <t>有限会社野島組</t>
  </si>
  <si>
    <t>有限会社森環境開発</t>
  </si>
  <si>
    <t>有限会社竹内工務所</t>
  </si>
  <si>
    <t>有限会社田谷建設</t>
  </si>
  <si>
    <t>有限会社稲毛電気</t>
  </si>
  <si>
    <t>髙橋機械土木有限会社</t>
  </si>
  <si>
    <t>有限会社上原工務店</t>
  </si>
  <si>
    <t>有限会社友希土木</t>
  </si>
  <si>
    <t>有限会社山本造園土木</t>
  </si>
  <si>
    <t>有限会社伊東電工</t>
  </si>
  <si>
    <t>有限会社安場土木</t>
  </si>
  <si>
    <t>有限会社湘南花卉園緑地</t>
  </si>
  <si>
    <t>有限会社神谷造園</t>
  </si>
  <si>
    <t>有限会社シーランド造園</t>
  </si>
  <si>
    <t>有限会社関根設備</t>
  </si>
  <si>
    <t>有限会社幸和</t>
  </si>
  <si>
    <t>有限会社松田電気工事</t>
  </si>
  <si>
    <t>有限会社カシワギ電機</t>
  </si>
  <si>
    <t>龍王土木有限会社</t>
  </si>
  <si>
    <t>有限会社頼住建設</t>
  </si>
  <si>
    <t>有限会社山興</t>
  </si>
  <si>
    <t>有限会社ブラフマン</t>
  </si>
  <si>
    <t>有限会社西野</t>
  </si>
  <si>
    <t>有限会社宮内商店</t>
  </si>
  <si>
    <t>有限会社丸由</t>
  </si>
  <si>
    <t>有限会社隆登緑化建設</t>
  </si>
  <si>
    <t>有限会社横山土木</t>
  </si>
  <si>
    <t>有限会社ダイモン開発</t>
  </si>
  <si>
    <t>有限会社造園土木比留川</t>
  </si>
  <si>
    <t>有限会社関戸商事</t>
  </si>
  <si>
    <t>有限会社トワ建設</t>
  </si>
  <si>
    <t>有限会社守屋建設</t>
  </si>
  <si>
    <t>有限会社小山設備</t>
  </si>
  <si>
    <t>有限会社小島組</t>
  </si>
  <si>
    <t>有限会社加藤工業</t>
  </si>
  <si>
    <t>有限会社野木建設</t>
  </si>
  <si>
    <t>有限会社丹建材興業</t>
  </si>
  <si>
    <t>有限会社相原組建設</t>
  </si>
  <si>
    <t>有限会社井澤組</t>
  </si>
  <si>
    <t>有限会社矢倉沢建設</t>
  </si>
  <si>
    <t>有限会社三木電気工事</t>
  </si>
  <si>
    <t>有限会社籔田組</t>
  </si>
  <si>
    <t>有限会社酒匂土木</t>
  </si>
  <si>
    <t>有限会社山崎組</t>
  </si>
  <si>
    <t>有限会社山﨑土木</t>
  </si>
  <si>
    <t>有限会社小宮石材</t>
  </si>
  <si>
    <t>有限会社渡辺総建</t>
  </si>
  <si>
    <t>有限会社二見建設</t>
  </si>
  <si>
    <t>有限会社中央土木</t>
  </si>
  <si>
    <t>有限会社平田建設工業</t>
  </si>
  <si>
    <t>有限会社小林建設</t>
  </si>
  <si>
    <t>有限会社丸要建設</t>
  </si>
  <si>
    <t>有限会社西村組</t>
  </si>
  <si>
    <t>有限会社奥津造園</t>
  </si>
  <si>
    <t>有限会社山季建設</t>
  </si>
  <si>
    <t>有限会社神谷機材</t>
  </si>
  <si>
    <t>有限会社大畠工務店</t>
  </si>
  <si>
    <t>有限会社菊原建設</t>
  </si>
  <si>
    <t>有限会社井上組</t>
  </si>
  <si>
    <t>有限会社三浦組</t>
  </si>
  <si>
    <t>有限会社椿建設</t>
  </si>
  <si>
    <t>栄立造園土木有限会社</t>
  </si>
  <si>
    <t>有限会社石川建設</t>
  </si>
  <si>
    <t>有限会社神原興業</t>
  </si>
  <si>
    <t>有限会社ひかり建設</t>
  </si>
  <si>
    <t>緑興産有限会社</t>
  </si>
  <si>
    <t>有限会社大貫設備</t>
  </si>
  <si>
    <t>有限会社加藤工務店</t>
  </si>
  <si>
    <t>有限会社湘南工事</t>
  </si>
  <si>
    <t>有限会社ウエムラ電工</t>
  </si>
  <si>
    <t>株式会社ミライト</t>
  </si>
  <si>
    <t>浜崎建設工業株式会社</t>
  </si>
  <si>
    <t>黒田電機工業株式会社</t>
  </si>
  <si>
    <t>ミツワ建設株式会社</t>
  </si>
  <si>
    <t>堀建設株式会社</t>
  </si>
  <si>
    <t>宇内建設株式会社</t>
  </si>
  <si>
    <t>株式会社新晃産業</t>
  </si>
  <si>
    <t>株式会社ソウメイ</t>
  </si>
  <si>
    <t>株式会社伊之崎</t>
  </si>
  <si>
    <t>東建設株式会社</t>
  </si>
  <si>
    <t>株式会社山一施工</t>
  </si>
  <si>
    <t>ユタカ建設株式会社</t>
  </si>
  <si>
    <t>高幸建設株式会社</t>
  </si>
  <si>
    <t>恵進建設株式会社</t>
  </si>
  <si>
    <t>株式会社クレスコ</t>
  </si>
  <si>
    <t>穐本興業株式会社</t>
  </si>
  <si>
    <t>株式会社丸孝産業</t>
  </si>
  <si>
    <t>株式会社ピー・ディー</t>
  </si>
  <si>
    <t>日建工業株式会社</t>
  </si>
  <si>
    <t>株式会社片山建設</t>
  </si>
  <si>
    <t>日本植生株式会社</t>
  </si>
  <si>
    <t>株式会社二幸管理</t>
  </si>
  <si>
    <t>川久保造園土木株式会社</t>
  </si>
  <si>
    <t>株式会社花和産業</t>
  </si>
  <si>
    <t>イビデングリーンテック株式会社</t>
  </si>
  <si>
    <t>株式会社ロードサービス</t>
  </si>
  <si>
    <t>株式会社扶桑</t>
  </si>
  <si>
    <t>株式会社いづみ工事</t>
  </si>
  <si>
    <t>パナソニック環境エンジニアリング株式会社</t>
  </si>
  <si>
    <t>交安株式会社</t>
  </si>
  <si>
    <t>西菱電機フィールディング株式会社</t>
  </si>
  <si>
    <t>株式会社トモコーポレーション</t>
  </si>
  <si>
    <t>望月産業株式会社</t>
  </si>
  <si>
    <t>株式会社ＵＮＡＩＲＯＡＤ</t>
  </si>
  <si>
    <t>株式会社尾崎建設</t>
  </si>
  <si>
    <t>株式会社いずも建設</t>
  </si>
  <si>
    <t>日本高圧コンクリート株式会社</t>
  </si>
  <si>
    <t>株式会社ビルドＴ・Ｙ建設</t>
  </si>
  <si>
    <t>株式会社稲元興業</t>
  </si>
  <si>
    <t>加藤興業株式会社</t>
  </si>
  <si>
    <t>三喜建設株式会社</t>
  </si>
  <si>
    <t>株式会社興栄建設</t>
  </si>
  <si>
    <t>株式会社浅沼建設</t>
  </si>
  <si>
    <t>匠建設株式会社</t>
  </si>
  <si>
    <t>日翔建設株式会社</t>
  </si>
  <si>
    <t>株式会社露木工務店</t>
  </si>
  <si>
    <t>全建産業株式会社</t>
  </si>
  <si>
    <t>株式会社弘立</t>
  </si>
  <si>
    <t>青山塗装工業株式会社</t>
  </si>
  <si>
    <t>三和建工株式会社</t>
  </si>
  <si>
    <t>株式会社木村植物園</t>
  </si>
  <si>
    <t>株式会社渡辺組工業</t>
  </si>
  <si>
    <t>株式会社たくしょくグリーン</t>
  </si>
  <si>
    <t>株式会社幸友造園土木</t>
  </si>
  <si>
    <t>株式会社臼井石材工業所</t>
  </si>
  <si>
    <t>株式会社柏木組土木</t>
  </si>
  <si>
    <t>株式会社片倉土木</t>
  </si>
  <si>
    <t>長島建設株式会社</t>
  </si>
  <si>
    <t>株式会社コクエー</t>
  </si>
  <si>
    <t>株式会社関野建設</t>
  </si>
  <si>
    <t>株式会社中澤組</t>
  </si>
  <si>
    <t>松和電子システム株式会社</t>
  </si>
  <si>
    <t>株式会社霧島塗装</t>
  </si>
  <si>
    <t>株式会社エス・ケイ・ディ</t>
  </si>
  <si>
    <t>株式会社クズハ建設</t>
  </si>
  <si>
    <t>株式会社勝工務店</t>
  </si>
  <si>
    <t>かどや開発株式会社</t>
  </si>
  <si>
    <t>村山工業株式会社</t>
  </si>
  <si>
    <t>株式会社杉山土建</t>
  </si>
  <si>
    <t>株式会社Ｒ’ｓＬ</t>
  </si>
  <si>
    <t>株式会社原兼工務店</t>
  </si>
  <si>
    <t>近藤建設株式会社</t>
  </si>
  <si>
    <t>株式会社栗原建設</t>
  </si>
  <si>
    <t>株式会社ベルデコマツ</t>
  </si>
  <si>
    <t>株式会社共栄建設</t>
  </si>
  <si>
    <t>株式会社日東建設</t>
  </si>
  <si>
    <t>株式会社池田建設</t>
  </si>
  <si>
    <t>大勝建設株式会社</t>
  </si>
  <si>
    <t>株式会社勝栄工業</t>
  </si>
  <si>
    <t>湘南建設株式会社</t>
  </si>
  <si>
    <t>株式会社入内島土建</t>
  </si>
  <si>
    <t>株式会社湘南営繕協会</t>
  </si>
  <si>
    <t>日髙建設株式会社</t>
  </si>
  <si>
    <t>株式会社永沢興業</t>
  </si>
  <si>
    <t>浅岡建設株式会社</t>
  </si>
  <si>
    <t>株式会社フリーテム</t>
  </si>
  <si>
    <t>亀井工業株式会社</t>
  </si>
  <si>
    <t>ガーデンサービス株式会社</t>
  </si>
  <si>
    <t>株式会社井戸屋</t>
  </si>
  <si>
    <t>株式会社現代建設</t>
  </si>
  <si>
    <t>株式会社渡博建設</t>
  </si>
  <si>
    <t>東和工業株式会社</t>
  </si>
  <si>
    <t>協和通商株式会社</t>
  </si>
  <si>
    <t>鎌倉土建株式会社</t>
  </si>
  <si>
    <t>株式会社都実業</t>
  </si>
  <si>
    <t>三和工業株式会社</t>
  </si>
  <si>
    <t>山藤建業株式会社</t>
  </si>
  <si>
    <t>磐梯建設株式会社</t>
  </si>
  <si>
    <t>株式会社湘南推進工業</t>
  </si>
  <si>
    <t>株式会社村上組</t>
  </si>
  <si>
    <t>日高建設株式会社</t>
  </si>
  <si>
    <t>株式会社クリタス</t>
  </si>
  <si>
    <t>株式会社小川工務店</t>
  </si>
  <si>
    <t>株式会社湘南いざわ</t>
  </si>
  <si>
    <t>高岸建設株式会社</t>
  </si>
  <si>
    <t>株式会社門倉組</t>
  </si>
  <si>
    <t>株式会社神成工業</t>
  </si>
  <si>
    <t>森山建設株式会社</t>
  </si>
  <si>
    <t>株式会社金子建材土木</t>
  </si>
  <si>
    <t>大旭建業株式会社</t>
  </si>
  <si>
    <t>鎌田工業株式会社</t>
  </si>
  <si>
    <t>三觜建設株式会社</t>
  </si>
  <si>
    <t>飛松建設株式会社</t>
  </si>
  <si>
    <t>株式会社ウスイ植物園</t>
  </si>
  <si>
    <t>清光建設株式会社</t>
  </si>
  <si>
    <t>増山土木株式会社</t>
  </si>
  <si>
    <t>西建設工業株式会社</t>
  </si>
  <si>
    <t>タイヨー建設株式会社</t>
  </si>
  <si>
    <t>株式会社山本工業</t>
  </si>
  <si>
    <t>株式会社斉藤建設</t>
  </si>
  <si>
    <t>株式会社加藤工務店</t>
  </si>
  <si>
    <t>アサヒペイント株式会社</t>
  </si>
  <si>
    <t>日本ロードマーク株式会社</t>
  </si>
  <si>
    <t>伊澤建設株式会社</t>
  </si>
  <si>
    <t>株式会社太陽システム</t>
  </si>
  <si>
    <t>株式会社小泉建設</t>
  </si>
  <si>
    <t>株式会社エノモト</t>
  </si>
  <si>
    <t>株式会社落合組</t>
  </si>
  <si>
    <t>フリー工業株式会社</t>
  </si>
  <si>
    <t>日本無線株式会社</t>
  </si>
  <si>
    <t>株式会社石川造園土木</t>
  </si>
  <si>
    <t>株式会社竹内庭苑</t>
  </si>
  <si>
    <t>株式会社やまなか園建設</t>
  </si>
  <si>
    <t>株式会社新緑</t>
  </si>
  <si>
    <t>宇野重工株式会社</t>
  </si>
  <si>
    <t>髙岸建設株式会社</t>
  </si>
  <si>
    <t>株式会社東海設備工業</t>
  </si>
  <si>
    <t>神交工業株式会社</t>
  </si>
  <si>
    <t>株式会社藤横緑化土木</t>
  </si>
  <si>
    <t>株式会社関野工務店</t>
  </si>
  <si>
    <t>佐藤建設株式会社</t>
  </si>
  <si>
    <t>株式会社前里興業</t>
  </si>
  <si>
    <t>株式会社清川産業</t>
  </si>
  <si>
    <t>鈴木土建株式会社</t>
  </si>
  <si>
    <t>株式会社安藤組</t>
  </si>
  <si>
    <t>株式会社塩川興業</t>
  </si>
  <si>
    <t>常盤産業株式会社</t>
  </si>
  <si>
    <t>株式会社山善</t>
  </si>
  <si>
    <t>国土開発工業株式会社</t>
  </si>
  <si>
    <t>株式会社テックス</t>
  </si>
  <si>
    <t>株式会社滝美園</t>
  </si>
  <si>
    <t>株式会社小島組</t>
  </si>
  <si>
    <t>株式会社厚木植木</t>
  </si>
  <si>
    <t>株式会社中須建設</t>
  </si>
  <si>
    <t>株式会社美馬建設</t>
  </si>
  <si>
    <t>株式会社清川建設</t>
  </si>
  <si>
    <t>株式会社成和</t>
  </si>
  <si>
    <t>旭リボート株式会社</t>
  </si>
  <si>
    <t>大野建設株式会社</t>
  </si>
  <si>
    <t>株式会社弘陽電設</t>
  </si>
  <si>
    <t>株式会社愛電社</t>
  </si>
  <si>
    <t>株式会社ヒロズ</t>
  </si>
  <si>
    <t>株式会社渋谷工務店</t>
  </si>
  <si>
    <t>株式会社ミライト・ワン</t>
  </si>
  <si>
    <t>山王建設株式会社</t>
  </si>
  <si>
    <t>平成ケンソー株式会社</t>
  </si>
  <si>
    <t>株式会社サショー</t>
  </si>
  <si>
    <t>株式会社武蔵緑化</t>
  </si>
  <si>
    <t>株式会社内田造園</t>
  </si>
  <si>
    <t>株式会社甘利園</t>
  </si>
  <si>
    <t>富士通Ｊａｐａｎ株式会社</t>
  </si>
  <si>
    <t>株式会社寿組</t>
  </si>
  <si>
    <t>日栄建設株式会社</t>
  </si>
  <si>
    <t>株式会社吉次土木</t>
  </si>
  <si>
    <t>株式会社立川産業</t>
  </si>
  <si>
    <t>株式会社緑建</t>
  </si>
  <si>
    <t>人の森株式会社</t>
  </si>
  <si>
    <t>株式会社林間</t>
  </si>
  <si>
    <t>ツチヤ総建株式会社</t>
  </si>
  <si>
    <t>株式会社双和</t>
  </si>
  <si>
    <t>株式会社渡栄土木</t>
  </si>
  <si>
    <t>株式会社佐々木機械土木</t>
  </si>
  <si>
    <t>中央道路株式会社</t>
  </si>
  <si>
    <t>株式会社ＡＩＣＯＭ</t>
  </si>
  <si>
    <t>株式会社大久保土建</t>
  </si>
  <si>
    <t>ハマナス建装株式会社</t>
  </si>
  <si>
    <t>北日本機械株式会社</t>
  </si>
  <si>
    <t>京浜実業株式会社</t>
  </si>
  <si>
    <t>草光建設株式会社</t>
  </si>
  <si>
    <t>建友商工株式会社</t>
  </si>
  <si>
    <t>株式会社相建</t>
  </si>
  <si>
    <t>株式会社寺田土木</t>
  </si>
  <si>
    <t>神崎建設株式会社</t>
  </si>
  <si>
    <t>清水塗工株式会社</t>
  </si>
  <si>
    <t>相模緑建株式会社</t>
  </si>
  <si>
    <t>株式会社山源建設</t>
  </si>
  <si>
    <t>修都株式会社</t>
  </si>
  <si>
    <t>中島機械土木株式会社</t>
  </si>
  <si>
    <t>関東緑地土木株式会社</t>
  </si>
  <si>
    <t>シンヨー株式会社</t>
  </si>
  <si>
    <t>増子電気工事株式会社</t>
  </si>
  <si>
    <t>日相建設株式会社</t>
  </si>
  <si>
    <t>アヅマ建設株式会社</t>
  </si>
  <si>
    <t>株式会社昭和建設</t>
  </si>
  <si>
    <t>平井工業株式会社</t>
  </si>
  <si>
    <t>鉄建基礎株式会社</t>
  </si>
  <si>
    <t>株式会社座間緑園土木</t>
  </si>
  <si>
    <t>株式会社相模植木</t>
  </si>
  <si>
    <t>丸豊建設株式会社</t>
  </si>
  <si>
    <t>株式会社テクノ菱和</t>
  </si>
  <si>
    <t>西菱電機株式会社</t>
  </si>
  <si>
    <t>安西興業株式会社</t>
  </si>
  <si>
    <t>株式会社草柳工務店</t>
  </si>
  <si>
    <t>宮嶋建設株式会社</t>
  </si>
  <si>
    <t>株式会社茂川建設</t>
  </si>
  <si>
    <t>鈴木建設株式会社</t>
  </si>
  <si>
    <t>東海林工株式会社</t>
  </si>
  <si>
    <t>株式会社冨士建設</t>
  </si>
  <si>
    <t>株式会社鈴木土建工業</t>
  </si>
  <si>
    <t>株式会社加藤組</t>
  </si>
  <si>
    <t>株式会社田代組</t>
  </si>
  <si>
    <t>神和道路建設株式会社</t>
  </si>
  <si>
    <t>静和建設株式会社</t>
  </si>
  <si>
    <t>金子建設株式会社</t>
  </si>
  <si>
    <t>三恵総業株式会社</t>
  </si>
  <si>
    <t>株式会社下田組</t>
  </si>
  <si>
    <t>株式会社ＢＡＮＤＯ</t>
  </si>
  <si>
    <t>桜井塗装株式会社</t>
  </si>
  <si>
    <t>株式会社磯部組</t>
  </si>
  <si>
    <t>城間工業株式会社</t>
  </si>
  <si>
    <t>株式会社エムペイント</t>
  </si>
  <si>
    <t>株式会社山本工務店</t>
  </si>
  <si>
    <t>株式会社石田工務店</t>
  </si>
  <si>
    <t>箱根建設株式会社</t>
  </si>
  <si>
    <t>譲原建設株式会社</t>
  </si>
  <si>
    <t>山源建設株式会社</t>
  </si>
  <si>
    <t>株式会社草建</t>
  </si>
  <si>
    <t>株式会社塚本工務店</t>
  </si>
  <si>
    <t>株式会社五神建設</t>
  </si>
  <si>
    <t>神静建設株式会社</t>
  </si>
  <si>
    <t>株式会社大巧</t>
  </si>
  <si>
    <t>司建設株式会社</t>
  </si>
  <si>
    <t>大伸建設株式会社</t>
  </si>
  <si>
    <t>セントラル株式会社</t>
  </si>
  <si>
    <t>株式会社マリンズ不動産</t>
  </si>
  <si>
    <t>湘山開発株式会社</t>
  </si>
  <si>
    <t>共栄建設株式会社</t>
  </si>
  <si>
    <t>株式会社さがみ塗装工業</t>
  </si>
  <si>
    <t>株式会社秋山組</t>
  </si>
  <si>
    <t>三友興産株式会社</t>
  </si>
  <si>
    <t>三和建設株式会社</t>
  </si>
  <si>
    <t>株式会社勝俣組</t>
  </si>
  <si>
    <t>東電同窓電気株式会社</t>
  </si>
  <si>
    <t>秀幸建設株式会社</t>
  </si>
  <si>
    <t>株式会社大神産業</t>
  </si>
  <si>
    <t>株式会社ＫＥＩＨＩＮ</t>
  </si>
  <si>
    <t>株式会社会津電気</t>
  </si>
  <si>
    <t>株式会社鈴木組</t>
  </si>
  <si>
    <t>東鉄工業株式会社</t>
  </si>
  <si>
    <t>株式会社川久保組</t>
  </si>
  <si>
    <t>株式会社熊沢工務店</t>
  </si>
  <si>
    <t>株式会社ロードマーカー</t>
  </si>
  <si>
    <t>ステーション工業株式会社</t>
  </si>
  <si>
    <t>鏑木建設株式会社</t>
  </si>
  <si>
    <t>武田建材工業株式会社</t>
  </si>
  <si>
    <t>浦井建設株式会社</t>
  </si>
  <si>
    <t>小泉建設株式会社</t>
  </si>
  <si>
    <t>中泉商事株式会社</t>
  </si>
  <si>
    <t>重田建設企業株式会社</t>
  </si>
  <si>
    <t>株式会社神奈川クリーンサービス</t>
  </si>
  <si>
    <t>横浜日建株式会社</t>
  </si>
  <si>
    <t>株式会社ヨコテック</t>
  </si>
  <si>
    <t>株式会社柏木塗装</t>
  </si>
  <si>
    <t>株式会社センチュリー興業</t>
  </si>
  <si>
    <t>中鉢建設株式会社</t>
  </si>
  <si>
    <t>株式会社関電工</t>
  </si>
  <si>
    <t>株式会社富士建機</t>
  </si>
  <si>
    <t>東輝工業株式会社</t>
  </si>
  <si>
    <t>株式会社飛鳥</t>
  </si>
  <si>
    <t>ライト工業株式会社</t>
  </si>
  <si>
    <t>新栄重機土木株式会社</t>
  </si>
  <si>
    <t>昇栄工業株式会社</t>
  </si>
  <si>
    <t>光陽特殊工業株式会社</t>
  </si>
  <si>
    <t>株式会社アウラ・シーイー</t>
  </si>
  <si>
    <t>東興ジオテック株式会社</t>
  </si>
  <si>
    <t>奈良造園土木株式会社</t>
  </si>
  <si>
    <t>エクシオグループ株式会社</t>
  </si>
  <si>
    <t>株式会社エトワール</t>
  </si>
  <si>
    <t>株式会社三宝緑地</t>
  </si>
  <si>
    <t>株式会社第一テクノ</t>
  </si>
  <si>
    <t>株式会社三秀</t>
  </si>
  <si>
    <t>株式会社佐野建設</t>
  </si>
  <si>
    <t>三六電設株式会社</t>
  </si>
  <si>
    <t>ムサシ建設工業株式会社</t>
  </si>
  <si>
    <t>昱株式会社</t>
  </si>
  <si>
    <t>株式会社伊達建設</t>
  </si>
  <si>
    <t>相模開発株式会社</t>
  </si>
  <si>
    <t>株式会社明電舎</t>
  </si>
  <si>
    <t>明電プラントシステムズ株式会社</t>
  </si>
  <si>
    <t>株式会社日立プラントサービス</t>
  </si>
  <si>
    <t>前澤工業株式会社</t>
  </si>
  <si>
    <t>住友重機械エンバイロメント株式会社</t>
  </si>
  <si>
    <t>ＪＦＥエンジニアリング株式会社</t>
  </si>
  <si>
    <t>荏原実業株式会社</t>
  </si>
  <si>
    <t>尾鈴電気株式会社</t>
  </si>
  <si>
    <t>万里設備株式会社</t>
  </si>
  <si>
    <t>株式会社研空社</t>
  </si>
  <si>
    <t>株式会社玉川設備</t>
  </si>
  <si>
    <t>株式会社栗原工務店</t>
  </si>
  <si>
    <t>株式会社ツルミアート</t>
  </si>
  <si>
    <t>株式会社クワコー</t>
  </si>
  <si>
    <t>清進電設株式会社</t>
  </si>
  <si>
    <t>三光電業株式会社</t>
  </si>
  <si>
    <t>株式会社イエス</t>
  </si>
  <si>
    <t>古木建設株式会社</t>
  </si>
  <si>
    <t>株式会社栁沼建設</t>
  </si>
  <si>
    <t>株式会社紅梅組</t>
  </si>
  <si>
    <t>株式会社キャット</t>
  </si>
  <si>
    <t>柏木電気株式会社</t>
  </si>
  <si>
    <t>メルビック電工株式会社</t>
  </si>
  <si>
    <t>株式会社ヨコレイ</t>
  </si>
  <si>
    <t>熱研プラント工業株式会社</t>
  </si>
  <si>
    <t>東洋電装株式会社</t>
  </si>
  <si>
    <t>株式会社アトラス湘南</t>
  </si>
  <si>
    <t>株式会社コンティ</t>
  </si>
  <si>
    <t>小林建設林産株式会社</t>
  </si>
  <si>
    <t>株式会社蒲谷工務店</t>
  </si>
  <si>
    <t>サンハウス株式会社</t>
  </si>
  <si>
    <t>藤田電設株式会社</t>
  </si>
  <si>
    <t>中村電設株式会社</t>
  </si>
  <si>
    <t>株式会社セイデン</t>
  </si>
  <si>
    <t>株式会社アドバンストネットワークサービス</t>
  </si>
  <si>
    <t>株式会社Ｓ＆Ｃ</t>
  </si>
  <si>
    <t>神央設備株式会社</t>
  </si>
  <si>
    <t>株式会社金子工業所</t>
  </si>
  <si>
    <t>協進設備株式会社</t>
  </si>
  <si>
    <t>扶桑工業株式会社</t>
  </si>
  <si>
    <t>株式会社マルイ設備</t>
  </si>
  <si>
    <t>松浦建設株式会社</t>
  </si>
  <si>
    <t>株式会社堀本工務店</t>
  </si>
  <si>
    <t>大洋建設株式会社</t>
  </si>
  <si>
    <t>株式会社エフトリア</t>
  </si>
  <si>
    <t>佐藤電工株式会社</t>
  </si>
  <si>
    <t>明和工業株式会社</t>
  </si>
  <si>
    <t>神奈川山菱設備株式会社</t>
  </si>
  <si>
    <t>オリエンタル設備工業株式会社</t>
  </si>
  <si>
    <t>井上電気株式会社</t>
  </si>
  <si>
    <t>山一産業株式会社</t>
  </si>
  <si>
    <t>常濃建設株式会社</t>
  </si>
  <si>
    <t>横浜塗装工業株式会社</t>
  </si>
  <si>
    <t>日進建設株式会社</t>
  </si>
  <si>
    <t>マリン建設株式会社</t>
  </si>
  <si>
    <t>大野設備工業株式会社</t>
  </si>
  <si>
    <t>株式会社斎藤電気商会</t>
  </si>
  <si>
    <t>株式会社アルグローブ</t>
  </si>
  <si>
    <t>府川電機工業株式会社</t>
  </si>
  <si>
    <t>原建設株式会社</t>
  </si>
  <si>
    <t>森田建設株式会社</t>
  </si>
  <si>
    <t>株式会社コハラ</t>
  </si>
  <si>
    <t>大野重電土木株式会社</t>
  </si>
  <si>
    <t>横浜エレベータ株式会社</t>
  </si>
  <si>
    <t>株式会社甲斐組</t>
  </si>
  <si>
    <t>株式会社坂本組</t>
  </si>
  <si>
    <t>ダイチ緑建株式会社</t>
  </si>
  <si>
    <t>明立工業株式会社</t>
  </si>
  <si>
    <t>湘南渡邊株式会社</t>
  </si>
  <si>
    <t>株式会社関東建築施工</t>
  </si>
  <si>
    <t>株式会社下田商会</t>
  </si>
  <si>
    <t>大塚冷暖房株式会社</t>
  </si>
  <si>
    <t>株式会社今井水道設備</t>
  </si>
  <si>
    <t>たちばな無線株式会社</t>
  </si>
  <si>
    <t>ドウキョウビーフィット株式会社</t>
  </si>
  <si>
    <t>若井工業株式会社</t>
  </si>
  <si>
    <t>株式会社三基工材</t>
  </si>
  <si>
    <t>株式会社ダイイチ</t>
  </si>
  <si>
    <t>株式会社新工舎</t>
  </si>
  <si>
    <t>大野土建株式会社</t>
  </si>
  <si>
    <t>株式会社上遠野建設</t>
  </si>
  <si>
    <t>株式会社建築及川</t>
  </si>
  <si>
    <t>昭和建設株式会社</t>
  </si>
  <si>
    <t>株式会社ナカムラ</t>
  </si>
  <si>
    <t>丸子電気工事株式会社</t>
  </si>
  <si>
    <t>新光電業株式会社</t>
  </si>
  <si>
    <t>フジテック株式会社</t>
  </si>
  <si>
    <t>三平電気株式会社</t>
  </si>
  <si>
    <t>島田電設工業株式会社</t>
  </si>
  <si>
    <t>株式会社ダイカン</t>
  </si>
  <si>
    <t>株式会社康栄社</t>
  </si>
  <si>
    <t>株式会社クリア</t>
  </si>
  <si>
    <t>浦田建設株式会社</t>
  </si>
  <si>
    <t>京急電機株式会社</t>
  </si>
  <si>
    <t>株式会社司工事</t>
  </si>
  <si>
    <t>小雀建設株式会社</t>
  </si>
  <si>
    <t>株式会社ジーテクト</t>
  </si>
  <si>
    <t>株式会社坂本建設</t>
  </si>
  <si>
    <t>舗装</t>
    <rPh sb="0" eb="2">
      <t>ホソウ</t>
    </rPh>
    <phoneticPr fontId="23"/>
  </si>
  <si>
    <t>塗装</t>
    <rPh sb="0" eb="2">
      <t>トソウ</t>
    </rPh>
    <phoneticPr fontId="2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&quot;-&quot;000000"/>
  </numFmts>
  <fonts count="3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0"/>
      <name val="ＭＳ 明朝"/>
      <family val="1"/>
      <charset val="128"/>
    </font>
    <font>
      <b/>
      <sz val="18"/>
      <color rgb="FFFF0000"/>
      <name val="ＭＳ Ｐゴシック"/>
      <family val="3"/>
      <charset val="128"/>
      <scheme val="major"/>
    </font>
    <font>
      <sz val="7"/>
      <name val="ＭＳ 明朝"/>
      <family val="1"/>
      <charset val="128"/>
    </font>
    <font>
      <sz val="12"/>
      <name val="ＭＳ Ｐ明朝"/>
      <family val="1"/>
      <charset val="128"/>
    </font>
    <font>
      <b/>
      <sz val="16"/>
      <name val="ＭＳ Ｐゴシック"/>
      <family val="3"/>
      <charset val="128"/>
    </font>
    <font>
      <b/>
      <sz val="16"/>
      <color indexed="10"/>
      <name val="ＭＳ Ｐゴシック"/>
      <family val="3"/>
      <charset val="128"/>
    </font>
    <font>
      <sz val="12"/>
      <name val="ＭＳ 明朝"/>
      <family val="1"/>
      <charset val="128"/>
    </font>
    <font>
      <b/>
      <sz val="20"/>
      <name val="ＭＳ Ｐゴシック"/>
      <family val="3"/>
      <charset val="128"/>
      <scheme val="major"/>
    </font>
    <font>
      <sz val="6"/>
      <name val="ＭＳ Ｐゴシック"/>
      <family val="3"/>
      <charset val="128"/>
      <scheme val="minor"/>
    </font>
    <font>
      <sz val="9.8000000000000007"/>
      <name val="ＭＳ 明朝"/>
      <family val="1"/>
      <charset val="128"/>
    </font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b/>
      <sz val="15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2"/>
      <color rgb="FF3F3F3F"/>
      <name val="ＭＳ 明朝"/>
      <family val="2"/>
      <charset val="128"/>
    </font>
    <font>
      <sz val="12"/>
      <color rgb="FFFA7D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sz val="14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sz val="20"/>
      <name val="ＭＳ 明朝"/>
      <family val="1"/>
      <charset val="128"/>
    </font>
    <font>
      <sz val="12"/>
      <color indexed="12"/>
      <name val="ＭＳ ゴシック"/>
      <family val="3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rgb="FFFF0000"/>
      </left>
      <right style="medium">
        <color rgb="FFFF0000"/>
      </right>
      <top style="medium">
        <color rgb="FFFF0000"/>
      </top>
      <bottom style="medium">
        <color rgb="FFFF0000"/>
      </bottom>
      <diagonal/>
    </border>
  </borders>
  <cellStyleXfs count="3">
    <xf numFmtId="0" fontId="0" fillId="0" borderId="0">
      <alignment vertical="center"/>
    </xf>
    <xf numFmtId="38" fontId="3" fillId="0" borderId="0" applyFont="0" applyFill="0" applyBorder="0" applyAlignment="0" applyProtection="0"/>
    <xf numFmtId="0" fontId="21" fillId="0" borderId="0"/>
  </cellStyleXfs>
  <cellXfs count="22">
    <xf numFmtId="0" fontId="0" fillId="0" borderId="0" xfId="0">
      <alignment vertical="center"/>
    </xf>
    <xf numFmtId="0" fontId="4" fillId="0" borderId="2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Fill="1" applyBorder="1" applyAlignment="1" applyProtection="1">
      <alignment horizontal="left" vertical="top" wrapText="1"/>
      <protection locked="0"/>
    </xf>
    <xf numFmtId="176" fontId="6" fillId="0" borderId="0" xfId="0" applyNumberFormat="1" applyFont="1" applyFill="1" applyBorder="1" applyAlignment="1" applyProtection="1">
      <alignment horizontal="left" vertical="top" wrapText="1"/>
      <protection locked="0"/>
    </xf>
    <xf numFmtId="0" fontId="6" fillId="0" borderId="0" xfId="0" applyFont="1" applyFill="1" applyBorder="1" applyAlignment="1"/>
    <xf numFmtId="0" fontId="4" fillId="0" borderId="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left" vertical="center"/>
    </xf>
    <xf numFmtId="0" fontId="6" fillId="0" borderId="0" xfId="0" applyFont="1" applyFill="1" applyBorder="1" applyAlignment="1" applyProtection="1">
      <alignment horizontal="left" vertical="top" wrapText="1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 wrapText="1"/>
    </xf>
    <xf numFmtId="0" fontId="10" fillId="0" borderId="0" xfId="0" applyFont="1" applyFill="1" applyBorder="1" applyAlignment="1" applyProtection="1">
      <alignment horizontal="left"/>
      <protection locked="0"/>
    </xf>
    <xf numFmtId="0" fontId="6" fillId="0" borderId="0" xfId="0" applyFont="1" applyFill="1" applyBorder="1" applyAlignment="1">
      <alignment wrapText="1"/>
    </xf>
    <xf numFmtId="0" fontId="6" fillId="0" borderId="0" xfId="0" applyFont="1" applyFill="1" applyAlignment="1" applyProtection="1">
      <alignment wrapText="1"/>
    </xf>
    <xf numFmtId="0" fontId="9" fillId="0" borderId="0" xfId="0" applyFont="1" applyAlignment="1">
      <alignment vertical="center" wrapText="1"/>
    </xf>
    <xf numFmtId="0" fontId="9" fillId="0" borderId="1" xfId="0" applyFont="1" applyFill="1" applyBorder="1" applyAlignment="1" applyProtection="1">
      <alignment horizontal="left" vertical="center" wrapText="1"/>
      <protection locked="0"/>
    </xf>
    <xf numFmtId="0" fontId="9" fillId="0" borderId="1" xfId="0" applyFont="1" applyFill="1" applyBorder="1" applyAlignment="1" applyProtection="1">
      <alignment vertical="center" wrapText="1"/>
      <protection locked="0"/>
    </xf>
    <xf numFmtId="0" fontId="9" fillId="0" borderId="1" xfId="0" applyFont="1" applyFill="1" applyBorder="1" applyAlignment="1" applyProtection="1">
      <alignment horizontal="center" vertical="center" wrapText="1" shrinkToFit="1"/>
      <protection locked="0"/>
    </xf>
    <xf numFmtId="0" fontId="9" fillId="0" borderId="1" xfId="0" applyFont="1" applyFill="1" applyBorder="1" applyAlignment="1" applyProtection="1">
      <alignment horizontal="center" vertical="center" wrapText="1"/>
      <protection locked="0"/>
    </xf>
    <xf numFmtId="0" fontId="9" fillId="2" borderId="1" xfId="0" applyFont="1" applyFill="1" applyBorder="1" applyAlignment="1" applyProtection="1">
      <alignment horizontal="center" vertical="center" wrapText="1"/>
      <protection locked="0"/>
    </xf>
    <xf numFmtId="0" fontId="3" fillId="2" borderId="1" xfId="0" applyFont="1" applyFill="1" applyBorder="1" applyAlignment="1" applyProtection="1">
      <alignment horizontal="center" vertical="center" wrapText="1"/>
      <protection locked="0"/>
    </xf>
    <xf numFmtId="0" fontId="30" fillId="0" borderId="0" xfId="0" applyFont="1" applyAlignment="1">
      <alignment vertical="center" wrapText="1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2" defaultPivotStyle="PivotStyleLight16"/>
  <colors>
    <mruColors>
      <color rgb="FFCCFFFF"/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833"/>
  <sheetViews>
    <sheetView tabSelected="1" view="pageBreakPreview" zoomScale="70" zoomScaleNormal="70" zoomScaleSheetLayoutView="70" workbookViewId="0">
      <pane ySplit="6" topLeftCell="A572" activePane="bottomLeft" state="frozen"/>
      <selection pane="bottomLeft" activeCell="M4" sqref="M4"/>
    </sheetView>
  </sheetViews>
  <sheetFormatPr defaultRowHeight="14.25" x14ac:dyDescent="0.15"/>
  <cols>
    <col min="1" max="1" width="20.75" style="10" customWidth="1"/>
    <col min="2" max="2" width="8.25" style="9" customWidth="1"/>
    <col min="3" max="3" width="51.125" style="10" customWidth="1"/>
    <col min="4" max="4" width="23.125" style="10" customWidth="1"/>
    <col min="5" max="5" width="29.125" style="10" customWidth="1"/>
    <col min="6" max="6" width="28.625" style="10" customWidth="1"/>
    <col min="7" max="7" width="29.75" style="21" customWidth="1"/>
    <col min="8" max="8" width="4.75" bestFit="1" customWidth="1"/>
  </cols>
  <sheetData>
    <row r="1" spans="1:8" s="4" customFormat="1" ht="24" customHeight="1" thickBot="1" x14ac:dyDescent="0.3">
      <c r="A1" s="1" t="s">
        <v>15</v>
      </c>
      <c r="B1" s="11" t="s">
        <v>92</v>
      </c>
      <c r="C1" s="2"/>
      <c r="D1" s="2"/>
      <c r="E1" s="2"/>
      <c r="F1" s="2"/>
      <c r="G1" s="3"/>
    </row>
    <row r="2" spans="1:8" ht="21" x14ac:dyDescent="0.15">
      <c r="A2" s="5"/>
      <c r="B2" s="6" t="s">
        <v>17</v>
      </c>
      <c r="C2" s="2"/>
      <c r="D2" s="2"/>
      <c r="E2" s="2"/>
      <c r="F2" s="2"/>
      <c r="G2" s="3"/>
    </row>
    <row r="3" spans="1:8" ht="18.75" x14ac:dyDescent="0.15">
      <c r="A3" s="8"/>
      <c r="B3" s="7" t="s">
        <v>19</v>
      </c>
      <c r="C3" s="8"/>
      <c r="D3" s="8"/>
      <c r="E3" s="8"/>
      <c r="F3" s="8"/>
      <c r="G3" s="8"/>
    </row>
    <row r="4" spans="1:8" ht="21" x14ac:dyDescent="0.15">
      <c r="A4" s="5"/>
      <c r="B4" s="6" t="s">
        <v>16</v>
      </c>
      <c r="C4" s="2"/>
      <c r="D4" s="2"/>
      <c r="E4" s="2"/>
      <c r="F4" s="2"/>
      <c r="G4" s="3"/>
    </row>
    <row r="5" spans="1:8" ht="18.75" x14ac:dyDescent="0.15">
      <c r="A5" s="8"/>
      <c r="B5" s="7" t="s">
        <v>18</v>
      </c>
      <c r="C5" s="8"/>
      <c r="D5" s="8"/>
      <c r="E5" s="8"/>
      <c r="F5" s="8"/>
      <c r="G5" s="8"/>
    </row>
    <row r="6" spans="1:8" x14ac:dyDescent="0.15">
      <c r="A6" s="19" t="s">
        <v>1</v>
      </c>
      <c r="B6" s="20" t="s">
        <v>12</v>
      </c>
      <c r="C6" s="19" t="s">
        <v>2</v>
      </c>
      <c r="D6" s="19" t="s">
        <v>3</v>
      </c>
      <c r="E6" s="19" t="s">
        <v>4</v>
      </c>
      <c r="F6" s="19" t="s">
        <v>13</v>
      </c>
      <c r="G6" s="19" t="s">
        <v>14</v>
      </c>
    </row>
    <row r="7" spans="1:8" s="10" customFormat="1" ht="45" customHeight="1" x14ac:dyDescent="0.15">
      <c r="A7" s="15" t="s">
        <v>93</v>
      </c>
      <c r="B7" s="18">
        <v>2</v>
      </c>
      <c r="C7" s="15" t="s">
        <v>124</v>
      </c>
      <c r="D7" s="15" t="s">
        <v>875</v>
      </c>
      <c r="E7" s="16" t="s">
        <v>1431</v>
      </c>
      <c r="F7" s="15" t="s">
        <v>2235</v>
      </c>
      <c r="G7" s="15" t="s">
        <v>2131</v>
      </c>
      <c r="H7" s="10">
        <v>1</v>
      </c>
    </row>
    <row r="8" spans="1:8" s="10" customFormat="1" ht="45" customHeight="1" x14ac:dyDescent="0.15">
      <c r="A8" s="15" t="s">
        <v>30</v>
      </c>
      <c r="B8" s="18">
        <v>3</v>
      </c>
      <c r="C8" s="15" t="s">
        <v>125</v>
      </c>
      <c r="D8" s="15" t="s">
        <v>876</v>
      </c>
      <c r="E8" s="16" t="s">
        <v>1432</v>
      </c>
      <c r="F8" s="15" t="s">
        <v>2323</v>
      </c>
      <c r="G8" s="15" t="s">
        <v>2132</v>
      </c>
      <c r="H8" s="10">
        <v>2</v>
      </c>
    </row>
    <row r="9" spans="1:8" s="10" customFormat="1" ht="45" customHeight="1" x14ac:dyDescent="0.15">
      <c r="A9" s="15" t="s">
        <v>94</v>
      </c>
      <c r="B9" s="18">
        <v>4</v>
      </c>
      <c r="C9" s="15" t="s">
        <v>126</v>
      </c>
      <c r="D9" s="15" t="s">
        <v>877</v>
      </c>
      <c r="E9" s="16" t="s">
        <v>1433</v>
      </c>
      <c r="F9" s="15" t="s">
        <v>2324</v>
      </c>
      <c r="G9" s="15" t="s">
        <v>2133</v>
      </c>
      <c r="H9" s="10">
        <v>3</v>
      </c>
    </row>
    <row r="10" spans="1:8" s="10" customFormat="1" ht="45" customHeight="1" x14ac:dyDescent="0.15">
      <c r="A10" s="15" t="s">
        <v>95</v>
      </c>
      <c r="B10" s="18">
        <v>6</v>
      </c>
      <c r="C10" s="15" t="s">
        <v>127</v>
      </c>
      <c r="D10" s="15" t="s">
        <v>35</v>
      </c>
      <c r="E10" s="16" t="s">
        <v>1434</v>
      </c>
      <c r="F10" s="15" t="s">
        <v>2325</v>
      </c>
      <c r="G10" s="15" t="s">
        <v>2134</v>
      </c>
      <c r="H10" s="10">
        <v>4</v>
      </c>
    </row>
    <row r="11" spans="1:8" s="10" customFormat="1" ht="45" customHeight="1" x14ac:dyDescent="0.15">
      <c r="A11" s="15" t="s">
        <v>95</v>
      </c>
      <c r="B11" s="18">
        <v>7</v>
      </c>
      <c r="C11" s="15" t="s">
        <v>128</v>
      </c>
      <c r="D11" s="15" t="s">
        <v>878</v>
      </c>
      <c r="E11" s="16" t="s">
        <v>1435</v>
      </c>
      <c r="F11" s="15" t="s">
        <v>2236</v>
      </c>
      <c r="G11" s="15" t="s">
        <v>2135</v>
      </c>
      <c r="H11" s="10">
        <v>5</v>
      </c>
    </row>
    <row r="12" spans="1:8" s="10" customFormat="1" ht="45" customHeight="1" x14ac:dyDescent="0.15">
      <c r="A12" s="15" t="s">
        <v>95</v>
      </c>
      <c r="B12" s="18">
        <v>8</v>
      </c>
      <c r="C12" s="15" t="s">
        <v>129</v>
      </c>
      <c r="D12" s="15" t="s">
        <v>879</v>
      </c>
      <c r="E12" s="16" t="s">
        <v>1436</v>
      </c>
      <c r="F12" s="15" t="s">
        <v>2237</v>
      </c>
      <c r="G12" s="15" t="s">
        <v>2135</v>
      </c>
      <c r="H12" s="10">
        <v>6</v>
      </c>
    </row>
    <row r="13" spans="1:8" s="10" customFormat="1" ht="45" customHeight="1" x14ac:dyDescent="0.15">
      <c r="A13" s="15" t="s">
        <v>95</v>
      </c>
      <c r="B13" s="18">
        <v>9</v>
      </c>
      <c r="C13" s="15" t="s">
        <v>130</v>
      </c>
      <c r="D13" s="15" t="s">
        <v>878</v>
      </c>
      <c r="E13" s="16" t="s">
        <v>1437</v>
      </c>
      <c r="F13" s="15" t="s">
        <v>2326</v>
      </c>
      <c r="G13" s="15" t="s">
        <v>2135</v>
      </c>
      <c r="H13" s="10">
        <v>7</v>
      </c>
    </row>
    <row r="14" spans="1:8" s="10" customFormat="1" ht="45" customHeight="1" x14ac:dyDescent="0.15">
      <c r="A14" s="15" t="s">
        <v>95</v>
      </c>
      <c r="B14" s="18">
        <v>11</v>
      </c>
      <c r="C14" s="15" t="s">
        <v>131</v>
      </c>
      <c r="D14" s="15" t="s">
        <v>880</v>
      </c>
      <c r="E14" s="16" t="s">
        <v>1438</v>
      </c>
      <c r="F14" s="15" t="s">
        <v>2327</v>
      </c>
      <c r="G14" s="15" t="s">
        <v>2136</v>
      </c>
      <c r="H14" s="10">
        <v>8</v>
      </c>
    </row>
    <row r="15" spans="1:8" s="10" customFormat="1" ht="45" customHeight="1" x14ac:dyDescent="0.15">
      <c r="A15" s="15" t="s">
        <v>95</v>
      </c>
      <c r="B15" s="18">
        <v>12</v>
      </c>
      <c r="C15" s="15" t="s">
        <v>132</v>
      </c>
      <c r="D15" s="15" t="s">
        <v>881</v>
      </c>
      <c r="E15" s="16" t="s">
        <v>1439</v>
      </c>
      <c r="F15" s="15" t="s">
        <v>2328</v>
      </c>
      <c r="G15" s="15" t="s">
        <v>2137</v>
      </c>
      <c r="H15" s="10">
        <v>9</v>
      </c>
    </row>
    <row r="16" spans="1:8" s="10" customFormat="1" ht="45" customHeight="1" x14ac:dyDescent="0.15">
      <c r="A16" s="15" t="s">
        <v>95</v>
      </c>
      <c r="B16" s="18">
        <v>14</v>
      </c>
      <c r="C16" s="15" t="s">
        <v>133</v>
      </c>
      <c r="D16" s="15" t="s">
        <v>882</v>
      </c>
      <c r="E16" s="16" t="s">
        <v>1440</v>
      </c>
      <c r="F16" s="15" t="s">
        <v>2329</v>
      </c>
      <c r="G16" s="15" t="s">
        <v>2138</v>
      </c>
      <c r="H16" s="10">
        <v>10</v>
      </c>
    </row>
    <row r="17" spans="1:8" s="10" customFormat="1" ht="45" customHeight="1" x14ac:dyDescent="0.15">
      <c r="A17" s="15" t="s">
        <v>95</v>
      </c>
      <c r="B17" s="18">
        <v>15</v>
      </c>
      <c r="C17" s="15" t="s">
        <v>134</v>
      </c>
      <c r="D17" s="15" t="s">
        <v>883</v>
      </c>
      <c r="E17" s="16" t="s">
        <v>1441</v>
      </c>
      <c r="F17" s="15" t="s">
        <v>2330</v>
      </c>
      <c r="G17" s="15" t="s">
        <v>2139</v>
      </c>
      <c r="H17" s="10">
        <v>11</v>
      </c>
    </row>
    <row r="18" spans="1:8" s="10" customFormat="1" ht="45" customHeight="1" x14ac:dyDescent="0.15">
      <c r="A18" s="15" t="s">
        <v>96</v>
      </c>
      <c r="B18" s="18">
        <v>16</v>
      </c>
      <c r="C18" s="15" t="s">
        <v>135</v>
      </c>
      <c r="D18" s="15" t="s">
        <v>884</v>
      </c>
      <c r="E18" s="16" t="s">
        <v>1442</v>
      </c>
      <c r="F18" s="15" t="s">
        <v>2331</v>
      </c>
      <c r="G18" s="15" t="s">
        <v>2140</v>
      </c>
      <c r="H18" s="10">
        <v>12</v>
      </c>
    </row>
    <row r="19" spans="1:8" s="10" customFormat="1" ht="45" customHeight="1" x14ac:dyDescent="0.15">
      <c r="A19" s="15" t="s">
        <v>96</v>
      </c>
      <c r="B19" s="18">
        <v>17</v>
      </c>
      <c r="C19" s="15" t="s">
        <v>135</v>
      </c>
      <c r="D19" s="15" t="s">
        <v>885</v>
      </c>
      <c r="E19" s="16" t="s">
        <v>1443</v>
      </c>
      <c r="F19" s="15" t="s">
        <v>2332</v>
      </c>
      <c r="G19" s="15" t="s">
        <v>2140</v>
      </c>
      <c r="H19" s="10">
        <v>13</v>
      </c>
    </row>
    <row r="20" spans="1:8" s="10" customFormat="1" ht="45" customHeight="1" x14ac:dyDescent="0.15">
      <c r="A20" s="15" t="s">
        <v>96</v>
      </c>
      <c r="B20" s="18">
        <v>18</v>
      </c>
      <c r="C20" s="15" t="s">
        <v>135</v>
      </c>
      <c r="D20" s="15" t="s">
        <v>886</v>
      </c>
      <c r="E20" s="16" t="s">
        <v>1444</v>
      </c>
      <c r="F20" s="15" t="s">
        <v>2333</v>
      </c>
      <c r="G20" s="15" t="s">
        <v>2140</v>
      </c>
      <c r="H20" s="10">
        <v>14</v>
      </c>
    </row>
    <row r="21" spans="1:8" s="10" customFormat="1" ht="45" customHeight="1" x14ac:dyDescent="0.15">
      <c r="A21" s="15" t="s">
        <v>96</v>
      </c>
      <c r="B21" s="18">
        <v>19</v>
      </c>
      <c r="C21" s="15" t="s">
        <v>135</v>
      </c>
      <c r="D21" s="15" t="s">
        <v>887</v>
      </c>
      <c r="E21" s="16" t="s">
        <v>1445</v>
      </c>
      <c r="F21" s="15" t="s">
        <v>2334</v>
      </c>
      <c r="G21" s="15" t="s">
        <v>2140</v>
      </c>
      <c r="H21" s="10">
        <v>15</v>
      </c>
    </row>
    <row r="22" spans="1:8" s="10" customFormat="1" ht="45" customHeight="1" x14ac:dyDescent="0.15">
      <c r="A22" s="15" t="s">
        <v>96</v>
      </c>
      <c r="B22" s="18">
        <v>20</v>
      </c>
      <c r="C22" s="15" t="s">
        <v>135</v>
      </c>
      <c r="D22" s="15" t="s">
        <v>888</v>
      </c>
      <c r="E22" s="16" t="s">
        <v>1446</v>
      </c>
      <c r="F22" s="15" t="s">
        <v>2335</v>
      </c>
      <c r="G22" s="15" t="s">
        <v>2140</v>
      </c>
      <c r="H22" s="10">
        <v>16</v>
      </c>
    </row>
    <row r="23" spans="1:8" s="10" customFormat="1" ht="45" customHeight="1" x14ac:dyDescent="0.15">
      <c r="A23" s="15" t="s">
        <v>96</v>
      </c>
      <c r="B23" s="18">
        <v>21</v>
      </c>
      <c r="C23" s="15" t="s">
        <v>135</v>
      </c>
      <c r="D23" s="15" t="s">
        <v>889</v>
      </c>
      <c r="E23" s="16" t="s">
        <v>1447</v>
      </c>
      <c r="F23" s="15" t="s">
        <v>2336</v>
      </c>
      <c r="G23" s="15" t="s">
        <v>2140</v>
      </c>
      <c r="H23" s="10">
        <v>17</v>
      </c>
    </row>
    <row r="24" spans="1:8" s="10" customFormat="1" ht="45" customHeight="1" x14ac:dyDescent="0.15">
      <c r="A24" s="15" t="s">
        <v>96</v>
      </c>
      <c r="B24" s="18">
        <v>22</v>
      </c>
      <c r="C24" s="15" t="s">
        <v>136</v>
      </c>
      <c r="D24" s="15" t="s">
        <v>885</v>
      </c>
      <c r="E24" s="16" t="s">
        <v>1448</v>
      </c>
      <c r="F24" s="15" t="s">
        <v>2329</v>
      </c>
      <c r="G24" s="15" t="s">
        <v>91</v>
      </c>
      <c r="H24" s="10">
        <v>18</v>
      </c>
    </row>
    <row r="25" spans="1:8" s="10" customFormat="1" ht="45" customHeight="1" x14ac:dyDescent="0.15">
      <c r="A25" s="15" t="s">
        <v>96</v>
      </c>
      <c r="B25" s="18">
        <v>23</v>
      </c>
      <c r="C25" s="15" t="s">
        <v>137</v>
      </c>
      <c r="D25" s="15" t="s">
        <v>890</v>
      </c>
      <c r="E25" s="16" t="s">
        <v>1449</v>
      </c>
      <c r="F25" s="15" t="s">
        <v>2337</v>
      </c>
      <c r="G25" s="15" t="s">
        <v>2140</v>
      </c>
      <c r="H25" s="10">
        <v>19</v>
      </c>
    </row>
    <row r="26" spans="1:8" s="10" customFormat="1" ht="45" customHeight="1" x14ac:dyDescent="0.15">
      <c r="A26" s="15" t="s">
        <v>96</v>
      </c>
      <c r="B26" s="18">
        <v>24</v>
      </c>
      <c r="C26" s="15" t="s">
        <v>138</v>
      </c>
      <c r="D26" s="15" t="s">
        <v>31</v>
      </c>
      <c r="E26" s="16" t="s">
        <v>1450</v>
      </c>
      <c r="F26" s="15" t="s">
        <v>2238</v>
      </c>
      <c r="G26" s="15" t="s">
        <v>2140</v>
      </c>
      <c r="H26" s="10">
        <v>20</v>
      </c>
    </row>
    <row r="27" spans="1:8" s="10" customFormat="1" ht="45" customHeight="1" x14ac:dyDescent="0.15">
      <c r="A27" s="15" t="s">
        <v>96</v>
      </c>
      <c r="B27" s="18">
        <v>25</v>
      </c>
      <c r="C27" s="15" t="s">
        <v>139</v>
      </c>
      <c r="D27" s="15" t="s">
        <v>31</v>
      </c>
      <c r="E27" s="16" t="s">
        <v>1451</v>
      </c>
      <c r="F27" s="15" t="s">
        <v>2239</v>
      </c>
      <c r="G27" s="15" t="s">
        <v>91</v>
      </c>
      <c r="H27" s="10">
        <v>21</v>
      </c>
    </row>
    <row r="28" spans="1:8" s="10" customFormat="1" ht="45" customHeight="1" x14ac:dyDescent="0.15">
      <c r="A28" s="15" t="s">
        <v>96</v>
      </c>
      <c r="B28" s="18">
        <v>26</v>
      </c>
      <c r="C28" s="15" t="s">
        <v>140</v>
      </c>
      <c r="D28" s="15" t="s">
        <v>891</v>
      </c>
      <c r="E28" s="16" t="s">
        <v>1452</v>
      </c>
      <c r="F28" s="15" t="s">
        <v>2338</v>
      </c>
      <c r="G28" s="15" t="s">
        <v>91</v>
      </c>
      <c r="H28" s="10">
        <v>22</v>
      </c>
    </row>
    <row r="29" spans="1:8" s="10" customFormat="1" ht="45" customHeight="1" x14ac:dyDescent="0.15">
      <c r="A29" s="15" t="s">
        <v>96</v>
      </c>
      <c r="B29" s="18">
        <v>27</v>
      </c>
      <c r="C29" s="15" t="s">
        <v>141</v>
      </c>
      <c r="D29" s="15" t="s">
        <v>892</v>
      </c>
      <c r="E29" s="16" t="s">
        <v>1453</v>
      </c>
      <c r="F29" s="15" t="s">
        <v>2338</v>
      </c>
      <c r="G29" s="15" t="s">
        <v>91</v>
      </c>
      <c r="H29" s="10">
        <v>23</v>
      </c>
    </row>
    <row r="30" spans="1:8" s="10" customFormat="1" ht="45" customHeight="1" x14ac:dyDescent="0.15">
      <c r="A30" s="15" t="s">
        <v>97</v>
      </c>
      <c r="B30" s="18">
        <v>28</v>
      </c>
      <c r="C30" s="15" t="s">
        <v>142</v>
      </c>
      <c r="D30" s="15" t="s">
        <v>29</v>
      </c>
      <c r="E30" s="16" t="s">
        <v>1454</v>
      </c>
      <c r="F30" s="15" t="s">
        <v>2332</v>
      </c>
      <c r="G30" s="15" t="s">
        <v>2141</v>
      </c>
      <c r="H30" s="10">
        <v>24</v>
      </c>
    </row>
    <row r="31" spans="1:8" s="10" customFormat="1" ht="45" customHeight="1" x14ac:dyDescent="0.15">
      <c r="A31" s="15" t="s">
        <v>97</v>
      </c>
      <c r="B31" s="18">
        <v>29</v>
      </c>
      <c r="C31" s="15" t="s">
        <v>143</v>
      </c>
      <c r="D31" s="15" t="s">
        <v>893</v>
      </c>
      <c r="E31" s="16" t="s">
        <v>1455</v>
      </c>
      <c r="F31" s="15" t="s">
        <v>2240</v>
      </c>
      <c r="G31" s="16" t="s">
        <v>2142</v>
      </c>
      <c r="H31" s="10">
        <v>25</v>
      </c>
    </row>
    <row r="32" spans="1:8" s="10" customFormat="1" ht="45" customHeight="1" x14ac:dyDescent="0.15">
      <c r="A32" s="15" t="s">
        <v>97</v>
      </c>
      <c r="B32" s="18">
        <v>30</v>
      </c>
      <c r="C32" s="15" t="s">
        <v>144</v>
      </c>
      <c r="D32" s="15" t="s">
        <v>893</v>
      </c>
      <c r="E32" s="16" t="s">
        <v>1456</v>
      </c>
      <c r="F32" s="15" t="s">
        <v>2339</v>
      </c>
      <c r="G32" s="15" t="s">
        <v>2143</v>
      </c>
      <c r="H32" s="10">
        <v>26</v>
      </c>
    </row>
    <row r="33" spans="1:8" s="10" customFormat="1" ht="45" customHeight="1" x14ac:dyDescent="0.15">
      <c r="A33" s="15" t="s">
        <v>97</v>
      </c>
      <c r="B33" s="18">
        <v>31</v>
      </c>
      <c r="C33" s="15" t="s">
        <v>142</v>
      </c>
      <c r="D33" s="15" t="s">
        <v>894</v>
      </c>
      <c r="E33" s="16" t="s">
        <v>1457</v>
      </c>
      <c r="F33" s="15" t="s">
        <v>2340</v>
      </c>
      <c r="G33" s="15" t="s">
        <v>2141</v>
      </c>
      <c r="H33" s="10">
        <v>27</v>
      </c>
    </row>
    <row r="34" spans="1:8" s="10" customFormat="1" ht="45" customHeight="1" x14ac:dyDescent="0.15">
      <c r="A34" s="15" t="s">
        <v>97</v>
      </c>
      <c r="B34" s="18">
        <v>32</v>
      </c>
      <c r="C34" s="15" t="s">
        <v>145</v>
      </c>
      <c r="D34" s="15" t="s">
        <v>895</v>
      </c>
      <c r="E34" s="16" t="s">
        <v>1458</v>
      </c>
      <c r="F34" s="15" t="s">
        <v>2241</v>
      </c>
      <c r="G34" s="16" t="s">
        <v>2135</v>
      </c>
      <c r="H34" s="10">
        <v>28</v>
      </c>
    </row>
    <row r="35" spans="1:8" s="10" customFormat="1" ht="45" customHeight="1" x14ac:dyDescent="0.15">
      <c r="A35" s="15" t="s">
        <v>97</v>
      </c>
      <c r="B35" s="18">
        <v>34</v>
      </c>
      <c r="C35" s="15" t="s">
        <v>146</v>
      </c>
      <c r="D35" s="15" t="s">
        <v>896</v>
      </c>
      <c r="E35" s="16" t="s">
        <v>1459</v>
      </c>
      <c r="F35" s="15" t="s">
        <v>2341</v>
      </c>
      <c r="G35" s="16" t="s">
        <v>2143</v>
      </c>
      <c r="H35" s="10">
        <v>29</v>
      </c>
    </row>
    <row r="36" spans="1:8" s="10" customFormat="1" ht="45" customHeight="1" x14ac:dyDescent="0.15">
      <c r="A36" s="15" t="s">
        <v>97</v>
      </c>
      <c r="B36" s="18">
        <v>35</v>
      </c>
      <c r="C36" s="15" t="s">
        <v>147</v>
      </c>
      <c r="D36" s="15" t="s">
        <v>897</v>
      </c>
      <c r="E36" s="16" t="s">
        <v>1460</v>
      </c>
      <c r="F36" s="15" t="s">
        <v>2342</v>
      </c>
      <c r="G36" s="16" t="s">
        <v>2143</v>
      </c>
      <c r="H36" s="10">
        <v>30</v>
      </c>
    </row>
    <row r="37" spans="1:8" s="10" customFormat="1" ht="45" customHeight="1" x14ac:dyDescent="0.15">
      <c r="A37" s="15" t="s">
        <v>98</v>
      </c>
      <c r="B37" s="18">
        <v>36</v>
      </c>
      <c r="C37" s="15" t="s">
        <v>148</v>
      </c>
      <c r="D37" s="15" t="s">
        <v>898</v>
      </c>
      <c r="E37" s="16" t="s">
        <v>1461</v>
      </c>
      <c r="F37" s="15" t="s">
        <v>2333</v>
      </c>
      <c r="G37" s="16" t="s">
        <v>2144</v>
      </c>
      <c r="H37" s="10">
        <v>31</v>
      </c>
    </row>
    <row r="38" spans="1:8" s="10" customFormat="1" ht="45" customHeight="1" x14ac:dyDescent="0.15">
      <c r="A38" s="15" t="s">
        <v>98</v>
      </c>
      <c r="B38" s="18">
        <v>37</v>
      </c>
      <c r="C38" s="15" t="s">
        <v>149</v>
      </c>
      <c r="D38" s="15" t="s">
        <v>899</v>
      </c>
      <c r="E38" s="16" t="s">
        <v>1462</v>
      </c>
      <c r="F38" s="15" t="s">
        <v>2328</v>
      </c>
      <c r="G38" s="16" t="s">
        <v>2145</v>
      </c>
      <c r="H38" s="10">
        <v>32</v>
      </c>
    </row>
    <row r="39" spans="1:8" s="10" customFormat="1" ht="45" customHeight="1" x14ac:dyDescent="0.15">
      <c r="A39" s="15" t="s">
        <v>98</v>
      </c>
      <c r="B39" s="18">
        <v>38</v>
      </c>
      <c r="C39" s="15" t="s">
        <v>150</v>
      </c>
      <c r="D39" s="15" t="s">
        <v>900</v>
      </c>
      <c r="E39" s="16" t="s">
        <v>1463</v>
      </c>
      <c r="F39" s="15" t="s">
        <v>2241</v>
      </c>
      <c r="G39" s="16" t="s">
        <v>2145</v>
      </c>
      <c r="H39" s="10">
        <v>33</v>
      </c>
    </row>
    <row r="40" spans="1:8" s="10" customFormat="1" ht="45" customHeight="1" x14ac:dyDescent="0.15">
      <c r="A40" s="15" t="s">
        <v>98</v>
      </c>
      <c r="B40" s="18">
        <v>39</v>
      </c>
      <c r="C40" s="15" t="s">
        <v>151</v>
      </c>
      <c r="D40" s="15" t="s">
        <v>901</v>
      </c>
      <c r="E40" s="16" t="s">
        <v>1464</v>
      </c>
      <c r="F40" s="15" t="s">
        <v>2237</v>
      </c>
      <c r="G40" s="16" t="s">
        <v>2145</v>
      </c>
      <c r="H40" s="10">
        <v>34</v>
      </c>
    </row>
    <row r="41" spans="1:8" s="10" customFormat="1" ht="45" customHeight="1" x14ac:dyDescent="0.15">
      <c r="A41" s="15" t="s">
        <v>98</v>
      </c>
      <c r="B41" s="18">
        <v>40</v>
      </c>
      <c r="C41" s="15" t="s">
        <v>152</v>
      </c>
      <c r="D41" s="15" t="s">
        <v>902</v>
      </c>
      <c r="E41" s="16" t="s">
        <v>1465</v>
      </c>
      <c r="F41" s="15" t="s">
        <v>2328</v>
      </c>
      <c r="G41" s="16" t="s">
        <v>2146</v>
      </c>
      <c r="H41" s="10">
        <v>35</v>
      </c>
    </row>
    <row r="42" spans="1:8" s="10" customFormat="1" ht="45" customHeight="1" x14ac:dyDescent="0.15">
      <c r="A42" s="15" t="s">
        <v>98</v>
      </c>
      <c r="B42" s="18">
        <v>41</v>
      </c>
      <c r="C42" s="15" t="s">
        <v>153</v>
      </c>
      <c r="D42" s="15" t="s">
        <v>903</v>
      </c>
      <c r="E42" s="16" t="s">
        <v>1466</v>
      </c>
      <c r="F42" s="15" t="s">
        <v>2333</v>
      </c>
      <c r="G42" s="16" t="s">
        <v>2145</v>
      </c>
      <c r="H42" s="10">
        <v>36</v>
      </c>
    </row>
    <row r="43" spans="1:8" s="10" customFormat="1" ht="45" customHeight="1" x14ac:dyDescent="0.15">
      <c r="A43" s="15" t="s">
        <v>99</v>
      </c>
      <c r="B43" s="18">
        <v>42</v>
      </c>
      <c r="C43" s="15" t="s">
        <v>154</v>
      </c>
      <c r="D43" s="15" t="s">
        <v>904</v>
      </c>
      <c r="E43" s="16" t="s">
        <v>1467</v>
      </c>
      <c r="F43" s="15" t="s">
        <v>2235</v>
      </c>
      <c r="G43" s="16" t="s">
        <v>2147</v>
      </c>
      <c r="H43" s="10">
        <v>37</v>
      </c>
    </row>
    <row r="44" spans="1:8" s="10" customFormat="1" ht="45" customHeight="1" x14ac:dyDescent="0.15">
      <c r="A44" s="15" t="s">
        <v>99</v>
      </c>
      <c r="B44" s="18">
        <v>43</v>
      </c>
      <c r="C44" s="15" t="s">
        <v>155</v>
      </c>
      <c r="D44" s="15" t="s">
        <v>905</v>
      </c>
      <c r="E44" s="16" t="s">
        <v>2225</v>
      </c>
      <c r="F44" s="15" t="s">
        <v>2343</v>
      </c>
      <c r="G44" s="16" t="s">
        <v>2147</v>
      </c>
      <c r="H44" s="10">
        <v>38</v>
      </c>
    </row>
    <row r="45" spans="1:8" s="10" customFormat="1" ht="45" customHeight="1" x14ac:dyDescent="0.15">
      <c r="A45" s="15" t="s">
        <v>100</v>
      </c>
      <c r="B45" s="18">
        <v>44</v>
      </c>
      <c r="C45" s="15" t="s">
        <v>156</v>
      </c>
      <c r="D45" s="15" t="s">
        <v>906</v>
      </c>
      <c r="E45" s="16" t="s">
        <v>1468</v>
      </c>
      <c r="F45" s="15" t="s">
        <v>2340</v>
      </c>
      <c r="G45" s="16" t="s">
        <v>2148</v>
      </c>
      <c r="H45" s="10">
        <v>39</v>
      </c>
    </row>
    <row r="46" spans="1:8" s="10" customFormat="1" ht="45" customHeight="1" x14ac:dyDescent="0.15">
      <c r="A46" s="15" t="s">
        <v>100</v>
      </c>
      <c r="B46" s="18">
        <v>47</v>
      </c>
      <c r="C46" s="15" t="s">
        <v>157</v>
      </c>
      <c r="D46" s="15" t="s">
        <v>907</v>
      </c>
      <c r="E46" s="16" t="s">
        <v>1469</v>
      </c>
      <c r="F46" s="15" t="s">
        <v>2242</v>
      </c>
      <c r="G46" s="16" t="s">
        <v>2149</v>
      </c>
      <c r="H46" s="10">
        <v>40</v>
      </c>
    </row>
    <row r="47" spans="1:8" s="10" customFormat="1" ht="45" customHeight="1" x14ac:dyDescent="0.15">
      <c r="A47" s="15" t="s">
        <v>101</v>
      </c>
      <c r="B47" s="18">
        <v>48</v>
      </c>
      <c r="C47" s="15" t="s">
        <v>158</v>
      </c>
      <c r="D47" s="15" t="s">
        <v>908</v>
      </c>
      <c r="E47" s="16" t="s">
        <v>1470</v>
      </c>
      <c r="F47" s="15" t="s">
        <v>2235</v>
      </c>
      <c r="G47" s="16" t="s">
        <v>2150</v>
      </c>
      <c r="H47" s="10">
        <v>41</v>
      </c>
    </row>
    <row r="48" spans="1:8" s="10" customFormat="1" ht="45" customHeight="1" x14ac:dyDescent="0.15">
      <c r="A48" s="15" t="s">
        <v>101</v>
      </c>
      <c r="B48" s="18">
        <v>49</v>
      </c>
      <c r="C48" s="15" t="s">
        <v>159</v>
      </c>
      <c r="D48" s="15" t="s">
        <v>909</v>
      </c>
      <c r="E48" s="16" t="s">
        <v>1471</v>
      </c>
      <c r="F48" s="15" t="s">
        <v>2326</v>
      </c>
      <c r="G48" s="16" t="s">
        <v>2150</v>
      </c>
      <c r="H48" s="10">
        <v>42</v>
      </c>
    </row>
    <row r="49" spans="1:8" s="10" customFormat="1" ht="45" customHeight="1" x14ac:dyDescent="0.15">
      <c r="A49" s="15" t="s">
        <v>101</v>
      </c>
      <c r="B49" s="18">
        <v>50</v>
      </c>
      <c r="C49" s="15" t="s">
        <v>160</v>
      </c>
      <c r="D49" s="15" t="s">
        <v>910</v>
      </c>
      <c r="E49" s="16" t="s">
        <v>1472</v>
      </c>
      <c r="F49" s="15" t="s">
        <v>2340</v>
      </c>
      <c r="G49" s="16" t="s">
        <v>2150</v>
      </c>
      <c r="H49" s="10">
        <v>43</v>
      </c>
    </row>
    <row r="50" spans="1:8" s="10" customFormat="1" ht="45" customHeight="1" x14ac:dyDescent="0.15">
      <c r="A50" s="15" t="s">
        <v>101</v>
      </c>
      <c r="B50" s="18">
        <v>51</v>
      </c>
      <c r="C50" s="15" t="s">
        <v>161</v>
      </c>
      <c r="D50" s="15" t="s">
        <v>911</v>
      </c>
      <c r="E50" s="16" t="s">
        <v>1473</v>
      </c>
      <c r="F50" s="15" t="s">
        <v>2242</v>
      </c>
      <c r="G50" s="16" t="s">
        <v>2150</v>
      </c>
      <c r="H50" s="10">
        <v>44</v>
      </c>
    </row>
    <row r="51" spans="1:8" s="10" customFormat="1" ht="45" customHeight="1" x14ac:dyDescent="0.15">
      <c r="A51" s="15" t="s">
        <v>101</v>
      </c>
      <c r="B51" s="18">
        <v>52</v>
      </c>
      <c r="C51" s="15" t="s">
        <v>162</v>
      </c>
      <c r="D51" s="15" t="s">
        <v>908</v>
      </c>
      <c r="E51" s="16" t="s">
        <v>1474</v>
      </c>
      <c r="F51" s="15" t="s">
        <v>2344</v>
      </c>
      <c r="G51" s="16" t="s">
        <v>2150</v>
      </c>
      <c r="H51" s="10">
        <v>45</v>
      </c>
    </row>
    <row r="52" spans="1:8" s="10" customFormat="1" ht="45" customHeight="1" x14ac:dyDescent="0.15">
      <c r="A52" s="15" t="s">
        <v>101</v>
      </c>
      <c r="B52" s="18">
        <v>53</v>
      </c>
      <c r="C52" s="15" t="s">
        <v>163</v>
      </c>
      <c r="D52" s="15" t="s">
        <v>912</v>
      </c>
      <c r="E52" s="16" t="s">
        <v>1475</v>
      </c>
      <c r="F52" s="15" t="s">
        <v>2345</v>
      </c>
      <c r="G52" s="16" t="s">
        <v>2151</v>
      </c>
      <c r="H52" s="10">
        <v>46</v>
      </c>
    </row>
    <row r="53" spans="1:8" s="10" customFormat="1" ht="45" customHeight="1" x14ac:dyDescent="0.15">
      <c r="A53" s="15" t="s">
        <v>101</v>
      </c>
      <c r="B53" s="18">
        <v>54</v>
      </c>
      <c r="C53" s="15" t="s">
        <v>164</v>
      </c>
      <c r="D53" s="15" t="s">
        <v>913</v>
      </c>
      <c r="E53" s="16" t="s">
        <v>1476</v>
      </c>
      <c r="F53" s="15" t="s">
        <v>2235</v>
      </c>
      <c r="G53" s="16" t="s">
        <v>2152</v>
      </c>
      <c r="H53" s="10">
        <v>47</v>
      </c>
    </row>
    <row r="54" spans="1:8" s="10" customFormat="1" ht="45" customHeight="1" x14ac:dyDescent="0.15">
      <c r="A54" s="15" t="s">
        <v>101</v>
      </c>
      <c r="B54" s="18">
        <v>56</v>
      </c>
      <c r="C54" s="15" t="s">
        <v>165</v>
      </c>
      <c r="D54" s="15" t="s">
        <v>914</v>
      </c>
      <c r="E54" s="16" t="s">
        <v>1477</v>
      </c>
      <c r="F54" s="15" t="s">
        <v>2338</v>
      </c>
      <c r="G54" s="16" t="s">
        <v>2153</v>
      </c>
      <c r="H54" s="10">
        <v>48</v>
      </c>
    </row>
    <row r="55" spans="1:8" s="10" customFormat="1" ht="45" customHeight="1" x14ac:dyDescent="0.15">
      <c r="A55" s="15" t="s">
        <v>101</v>
      </c>
      <c r="B55" s="18">
        <v>57</v>
      </c>
      <c r="C55" s="15" t="s">
        <v>166</v>
      </c>
      <c r="D55" s="15" t="s">
        <v>915</v>
      </c>
      <c r="E55" s="16" t="s">
        <v>1478</v>
      </c>
      <c r="F55" s="15" t="s">
        <v>2346</v>
      </c>
      <c r="G55" s="16" t="s">
        <v>2153</v>
      </c>
      <c r="H55" s="10">
        <v>49</v>
      </c>
    </row>
    <row r="56" spans="1:8" s="10" customFormat="1" ht="45" customHeight="1" x14ac:dyDescent="0.15">
      <c r="A56" s="15" t="s">
        <v>101</v>
      </c>
      <c r="B56" s="18">
        <v>58</v>
      </c>
      <c r="C56" s="15" t="s">
        <v>167</v>
      </c>
      <c r="D56" s="15" t="s">
        <v>916</v>
      </c>
      <c r="E56" s="16" t="s">
        <v>1479</v>
      </c>
      <c r="F56" s="15" t="s">
        <v>2332</v>
      </c>
      <c r="G56" s="16" t="s">
        <v>2153</v>
      </c>
      <c r="H56" s="10">
        <v>50</v>
      </c>
    </row>
    <row r="57" spans="1:8" s="10" customFormat="1" ht="45" customHeight="1" x14ac:dyDescent="0.15">
      <c r="A57" s="15" t="s">
        <v>101</v>
      </c>
      <c r="B57" s="18">
        <v>59</v>
      </c>
      <c r="C57" s="15" t="s">
        <v>168</v>
      </c>
      <c r="D57" s="15" t="s">
        <v>917</v>
      </c>
      <c r="E57" s="16" t="s">
        <v>1480</v>
      </c>
      <c r="F57" s="15" t="s">
        <v>2341</v>
      </c>
      <c r="G57" s="16" t="s">
        <v>2153</v>
      </c>
      <c r="H57" s="10">
        <v>51</v>
      </c>
    </row>
    <row r="58" spans="1:8" s="10" customFormat="1" ht="45" customHeight="1" x14ac:dyDescent="0.15">
      <c r="A58" s="15" t="s">
        <v>101</v>
      </c>
      <c r="B58" s="18">
        <v>60</v>
      </c>
      <c r="C58" s="15" t="s">
        <v>169</v>
      </c>
      <c r="D58" s="15" t="s">
        <v>918</v>
      </c>
      <c r="E58" s="16" t="s">
        <v>1481</v>
      </c>
      <c r="F58" s="15" t="s">
        <v>2243</v>
      </c>
      <c r="G58" s="16" t="s">
        <v>2153</v>
      </c>
      <c r="H58" s="10">
        <v>52</v>
      </c>
    </row>
    <row r="59" spans="1:8" s="10" customFormat="1" ht="45" customHeight="1" x14ac:dyDescent="0.15">
      <c r="A59" s="15" t="s">
        <v>101</v>
      </c>
      <c r="B59" s="18">
        <v>61</v>
      </c>
      <c r="C59" s="15" t="s">
        <v>170</v>
      </c>
      <c r="D59" s="15" t="s">
        <v>919</v>
      </c>
      <c r="E59" s="16" t="s">
        <v>1482</v>
      </c>
      <c r="F59" s="15" t="s">
        <v>2347</v>
      </c>
      <c r="G59" s="16" t="s">
        <v>2153</v>
      </c>
      <c r="H59" s="10">
        <v>53</v>
      </c>
    </row>
    <row r="60" spans="1:8" s="10" customFormat="1" ht="45" customHeight="1" x14ac:dyDescent="0.15">
      <c r="A60" s="15" t="s">
        <v>101</v>
      </c>
      <c r="B60" s="18">
        <v>62</v>
      </c>
      <c r="C60" s="15" t="s">
        <v>171</v>
      </c>
      <c r="D60" s="15" t="s">
        <v>920</v>
      </c>
      <c r="E60" s="16" t="s">
        <v>1483</v>
      </c>
      <c r="F60" s="15" t="s">
        <v>2334</v>
      </c>
      <c r="G60" s="16" t="s">
        <v>2153</v>
      </c>
      <c r="H60" s="10">
        <v>54</v>
      </c>
    </row>
    <row r="61" spans="1:8" s="10" customFormat="1" ht="45" customHeight="1" x14ac:dyDescent="0.15">
      <c r="A61" s="15" t="s">
        <v>101</v>
      </c>
      <c r="B61" s="18">
        <v>63</v>
      </c>
      <c r="C61" s="15" t="s">
        <v>172</v>
      </c>
      <c r="D61" s="15" t="s">
        <v>921</v>
      </c>
      <c r="E61" s="16" t="s">
        <v>1484</v>
      </c>
      <c r="F61" s="15" t="s">
        <v>2235</v>
      </c>
      <c r="G61" s="16" t="s">
        <v>2153</v>
      </c>
      <c r="H61" s="10">
        <v>55</v>
      </c>
    </row>
    <row r="62" spans="1:8" s="10" customFormat="1" ht="45" customHeight="1" x14ac:dyDescent="0.15">
      <c r="A62" s="15" t="s">
        <v>32</v>
      </c>
      <c r="B62" s="18">
        <v>64</v>
      </c>
      <c r="C62" s="15" t="s">
        <v>173</v>
      </c>
      <c r="D62" s="15" t="s">
        <v>922</v>
      </c>
      <c r="E62" s="16" t="s">
        <v>1485</v>
      </c>
      <c r="F62" s="15" t="s">
        <v>2348</v>
      </c>
      <c r="G62" s="16" t="s">
        <v>2154</v>
      </c>
      <c r="H62" s="10">
        <v>56</v>
      </c>
    </row>
    <row r="63" spans="1:8" s="10" customFormat="1" ht="45" customHeight="1" x14ac:dyDescent="0.15">
      <c r="A63" s="15" t="s">
        <v>32</v>
      </c>
      <c r="B63" s="18">
        <v>65</v>
      </c>
      <c r="C63" s="15" t="s">
        <v>174</v>
      </c>
      <c r="D63" s="15" t="s">
        <v>923</v>
      </c>
      <c r="E63" s="16" t="s">
        <v>1486</v>
      </c>
      <c r="F63" s="15" t="s">
        <v>2349</v>
      </c>
      <c r="G63" s="16" t="s">
        <v>2154</v>
      </c>
      <c r="H63" s="10">
        <v>57</v>
      </c>
    </row>
    <row r="64" spans="1:8" s="10" customFormat="1" ht="45" customHeight="1" x14ac:dyDescent="0.15">
      <c r="A64" s="15" t="s">
        <v>32</v>
      </c>
      <c r="B64" s="18">
        <v>66</v>
      </c>
      <c r="C64" s="15" t="s">
        <v>175</v>
      </c>
      <c r="D64" s="15" t="s">
        <v>924</v>
      </c>
      <c r="E64" s="16" t="s">
        <v>1487</v>
      </c>
      <c r="F64" s="15" t="s">
        <v>2350</v>
      </c>
      <c r="G64" s="16" t="s">
        <v>2155</v>
      </c>
      <c r="H64" s="10">
        <v>58</v>
      </c>
    </row>
    <row r="65" spans="1:8" s="10" customFormat="1" ht="45" customHeight="1" x14ac:dyDescent="0.15">
      <c r="A65" s="15" t="s">
        <v>32</v>
      </c>
      <c r="B65" s="18">
        <v>67</v>
      </c>
      <c r="C65" s="15" t="s">
        <v>176</v>
      </c>
      <c r="D65" s="15" t="s">
        <v>925</v>
      </c>
      <c r="E65" s="16" t="s">
        <v>1488</v>
      </c>
      <c r="F65" s="15" t="s">
        <v>2346</v>
      </c>
      <c r="G65" s="16" t="s">
        <v>2155</v>
      </c>
      <c r="H65" s="10">
        <v>59</v>
      </c>
    </row>
    <row r="66" spans="1:8" s="10" customFormat="1" ht="45" customHeight="1" x14ac:dyDescent="0.15">
      <c r="A66" s="15" t="s">
        <v>102</v>
      </c>
      <c r="B66" s="18">
        <v>68</v>
      </c>
      <c r="C66" s="15" t="s">
        <v>177</v>
      </c>
      <c r="D66" s="15" t="s">
        <v>926</v>
      </c>
      <c r="E66" s="16" t="s">
        <v>1489</v>
      </c>
      <c r="F66" s="15" t="s">
        <v>2339</v>
      </c>
      <c r="G66" s="16" t="s">
        <v>2156</v>
      </c>
      <c r="H66" s="10">
        <v>60</v>
      </c>
    </row>
    <row r="67" spans="1:8" s="10" customFormat="1" ht="45" customHeight="1" x14ac:dyDescent="0.15">
      <c r="A67" s="15" t="s">
        <v>102</v>
      </c>
      <c r="B67" s="18">
        <v>69</v>
      </c>
      <c r="C67" s="15" t="s">
        <v>178</v>
      </c>
      <c r="D67" s="15" t="s">
        <v>927</v>
      </c>
      <c r="E67" s="16" t="s">
        <v>1490</v>
      </c>
      <c r="F67" s="15" t="s">
        <v>2344</v>
      </c>
      <c r="G67" s="16" t="s">
        <v>2135</v>
      </c>
      <c r="H67" s="10">
        <v>61</v>
      </c>
    </row>
    <row r="68" spans="1:8" s="10" customFormat="1" ht="45" customHeight="1" x14ac:dyDescent="0.15">
      <c r="A68" s="15" t="s">
        <v>102</v>
      </c>
      <c r="B68" s="18">
        <v>71</v>
      </c>
      <c r="C68" s="15" t="s">
        <v>179</v>
      </c>
      <c r="D68" s="15" t="s">
        <v>928</v>
      </c>
      <c r="E68" s="16" t="s">
        <v>1491</v>
      </c>
      <c r="F68" s="15" t="s">
        <v>2244</v>
      </c>
      <c r="G68" s="16" t="s">
        <v>2157</v>
      </c>
      <c r="H68" s="10">
        <v>62</v>
      </c>
    </row>
    <row r="69" spans="1:8" s="10" customFormat="1" ht="45" customHeight="1" x14ac:dyDescent="0.15">
      <c r="A69" s="15" t="s">
        <v>102</v>
      </c>
      <c r="B69" s="18">
        <v>72</v>
      </c>
      <c r="C69" s="15" t="s">
        <v>180</v>
      </c>
      <c r="D69" s="15" t="s">
        <v>929</v>
      </c>
      <c r="E69" s="16" t="s">
        <v>1492</v>
      </c>
      <c r="F69" s="15" t="s">
        <v>2326</v>
      </c>
      <c r="G69" s="16" t="s">
        <v>2158</v>
      </c>
      <c r="H69" s="10">
        <v>63</v>
      </c>
    </row>
    <row r="70" spans="1:8" s="10" customFormat="1" ht="45" customHeight="1" x14ac:dyDescent="0.15">
      <c r="A70" s="15" t="s">
        <v>102</v>
      </c>
      <c r="B70" s="18">
        <v>73</v>
      </c>
      <c r="C70" s="15" t="s">
        <v>181</v>
      </c>
      <c r="D70" s="15" t="s">
        <v>930</v>
      </c>
      <c r="E70" s="16" t="s">
        <v>1493</v>
      </c>
      <c r="F70" s="15" t="s">
        <v>2326</v>
      </c>
      <c r="G70" s="16" t="s">
        <v>2159</v>
      </c>
      <c r="H70" s="10">
        <v>64</v>
      </c>
    </row>
    <row r="71" spans="1:8" s="10" customFormat="1" ht="45" customHeight="1" x14ac:dyDescent="0.15">
      <c r="A71" s="15" t="s">
        <v>102</v>
      </c>
      <c r="B71" s="18">
        <v>74</v>
      </c>
      <c r="C71" s="15" t="s">
        <v>180</v>
      </c>
      <c r="D71" s="15" t="s">
        <v>931</v>
      </c>
      <c r="E71" s="16" t="s">
        <v>1494</v>
      </c>
      <c r="F71" s="15" t="s">
        <v>2328</v>
      </c>
      <c r="G71" s="16" t="s">
        <v>2158</v>
      </c>
      <c r="H71" s="10">
        <v>65</v>
      </c>
    </row>
    <row r="72" spans="1:8" s="10" customFormat="1" ht="45" customHeight="1" x14ac:dyDescent="0.15">
      <c r="A72" s="15" t="s">
        <v>102</v>
      </c>
      <c r="B72" s="18">
        <v>75</v>
      </c>
      <c r="C72" s="15" t="s">
        <v>182</v>
      </c>
      <c r="D72" s="15" t="s">
        <v>932</v>
      </c>
      <c r="E72" s="16" t="s">
        <v>1495</v>
      </c>
      <c r="F72" s="15" t="s">
        <v>2237</v>
      </c>
      <c r="G72" s="16" t="s">
        <v>2157</v>
      </c>
      <c r="H72" s="10">
        <v>66</v>
      </c>
    </row>
    <row r="73" spans="1:8" s="10" customFormat="1" ht="45" customHeight="1" x14ac:dyDescent="0.15">
      <c r="A73" s="15" t="s">
        <v>102</v>
      </c>
      <c r="B73" s="18">
        <v>76</v>
      </c>
      <c r="C73" s="15" t="s">
        <v>183</v>
      </c>
      <c r="D73" s="15" t="s">
        <v>933</v>
      </c>
      <c r="E73" s="16" t="s">
        <v>1496</v>
      </c>
      <c r="F73" s="15" t="s">
        <v>2235</v>
      </c>
      <c r="G73" s="16" t="s">
        <v>2157</v>
      </c>
      <c r="H73" s="10">
        <v>67</v>
      </c>
    </row>
    <row r="74" spans="1:8" s="10" customFormat="1" ht="45" customHeight="1" x14ac:dyDescent="0.15">
      <c r="A74" s="15" t="s">
        <v>102</v>
      </c>
      <c r="B74" s="18">
        <v>77</v>
      </c>
      <c r="C74" s="15" t="s">
        <v>184</v>
      </c>
      <c r="D74" s="15" t="s">
        <v>934</v>
      </c>
      <c r="E74" s="16" t="s">
        <v>1497</v>
      </c>
      <c r="F74" s="15" t="s">
        <v>2244</v>
      </c>
      <c r="G74" s="16" t="s">
        <v>2158</v>
      </c>
      <c r="H74" s="10">
        <v>68</v>
      </c>
    </row>
    <row r="75" spans="1:8" s="10" customFormat="1" ht="45" customHeight="1" x14ac:dyDescent="0.15">
      <c r="A75" s="15" t="s">
        <v>102</v>
      </c>
      <c r="B75" s="18">
        <v>78</v>
      </c>
      <c r="C75" s="15" t="s">
        <v>185</v>
      </c>
      <c r="D75" s="15" t="s">
        <v>935</v>
      </c>
      <c r="E75" s="16" t="s">
        <v>1498</v>
      </c>
      <c r="F75" s="15" t="s">
        <v>2337</v>
      </c>
      <c r="G75" s="16" t="s">
        <v>2160</v>
      </c>
      <c r="H75" s="10">
        <v>69</v>
      </c>
    </row>
    <row r="76" spans="1:8" s="10" customFormat="1" ht="45" customHeight="1" x14ac:dyDescent="0.15">
      <c r="A76" s="15" t="s">
        <v>102</v>
      </c>
      <c r="B76" s="18">
        <v>79</v>
      </c>
      <c r="C76" s="15" t="s">
        <v>186</v>
      </c>
      <c r="D76" s="15" t="s">
        <v>936</v>
      </c>
      <c r="E76" s="16" t="s">
        <v>1499</v>
      </c>
      <c r="F76" s="15" t="s">
        <v>2334</v>
      </c>
      <c r="G76" s="16" t="s">
        <v>2161</v>
      </c>
      <c r="H76" s="10">
        <v>70</v>
      </c>
    </row>
    <row r="77" spans="1:8" s="10" customFormat="1" ht="45" customHeight="1" x14ac:dyDescent="0.15">
      <c r="A77" s="15" t="s">
        <v>103</v>
      </c>
      <c r="B77" s="18">
        <v>80</v>
      </c>
      <c r="C77" s="15" t="s">
        <v>187</v>
      </c>
      <c r="D77" s="15" t="s">
        <v>937</v>
      </c>
      <c r="E77" s="16" t="s">
        <v>1500</v>
      </c>
      <c r="F77" s="15" t="s">
        <v>2351</v>
      </c>
      <c r="G77" s="16" t="s">
        <v>2162</v>
      </c>
      <c r="H77" s="10">
        <v>71</v>
      </c>
    </row>
    <row r="78" spans="1:8" s="10" customFormat="1" ht="45" customHeight="1" x14ac:dyDescent="0.15">
      <c r="A78" s="15" t="s">
        <v>103</v>
      </c>
      <c r="B78" s="18">
        <v>81</v>
      </c>
      <c r="C78" s="15" t="s">
        <v>188</v>
      </c>
      <c r="D78" s="15" t="s">
        <v>938</v>
      </c>
      <c r="E78" s="16" t="s">
        <v>1501</v>
      </c>
      <c r="F78" s="15" t="s">
        <v>2329</v>
      </c>
      <c r="G78" s="16" t="s">
        <v>2163</v>
      </c>
      <c r="H78" s="10">
        <v>72</v>
      </c>
    </row>
    <row r="79" spans="1:8" s="10" customFormat="1" ht="45" customHeight="1" x14ac:dyDescent="0.15">
      <c r="A79" s="15" t="s">
        <v>103</v>
      </c>
      <c r="B79" s="18">
        <v>83</v>
      </c>
      <c r="C79" s="15" t="s">
        <v>189</v>
      </c>
      <c r="D79" s="15" t="s">
        <v>939</v>
      </c>
      <c r="E79" s="16" t="s">
        <v>1502</v>
      </c>
      <c r="F79" s="15" t="s">
        <v>2239</v>
      </c>
      <c r="G79" s="16" t="s">
        <v>2163</v>
      </c>
      <c r="H79" s="10">
        <v>73</v>
      </c>
    </row>
    <row r="80" spans="1:8" s="10" customFormat="1" ht="45" customHeight="1" x14ac:dyDescent="0.15">
      <c r="A80" s="15" t="s">
        <v>103</v>
      </c>
      <c r="B80" s="18">
        <v>84</v>
      </c>
      <c r="C80" s="15" t="s">
        <v>190</v>
      </c>
      <c r="D80" s="15" t="s">
        <v>34</v>
      </c>
      <c r="E80" s="16" t="s">
        <v>1503</v>
      </c>
      <c r="F80" s="15" t="s">
        <v>2330</v>
      </c>
      <c r="G80" s="16" t="s">
        <v>2163</v>
      </c>
      <c r="H80" s="10">
        <v>74</v>
      </c>
    </row>
    <row r="81" spans="1:8" s="10" customFormat="1" ht="45" customHeight="1" x14ac:dyDescent="0.15">
      <c r="A81" s="15" t="s">
        <v>103</v>
      </c>
      <c r="B81" s="18">
        <v>88</v>
      </c>
      <c r="C81" s="15" t="s">
        <v>191</v>
      </c>
      <c r="D81" s="15" t="s">
        <v>940</v>
      </c>
      <c r="E81" s="16" t="s">
        <v>1504</v>
      </c>
      <c r="F81" s="15" t="s">
        <v>2235</v>
      </c>
      <c r="G81" s="16" t="s">
        <v>2164</v>
      </c>
      <c r="H81" s="10">
        <v>75</v>
      </c>
    </row>
    <row r="82" spans="1:8" s="10" customFormat="1" ht="45" customHeight="1" x14ac:dyDescent="0.15">
      <c r="A82" s="15" t="s">
        <v>103</v>
      </c>
      <c r="B82" s="18">
        <v>89</v>
      </c>
      <c r="C82" s="15" t="s">
        <v>192</v>
      </c>
      <c r="D82" s="15" t="s">
        <v>941</v>
      </c>
      <c r="E82" s="16" t="s">
        <v>1505</v>
      </c>
      <c r="F82" s="15" t="s">
        <v>2344</v>
      </c>
      <c r="G82" s="16" t="s">
        <v>2163</v>
      </c>
      <c r="H82" s="10">
        <v>76</v>
      </c>
    </row>
    <row r="83" spans="1:8" s="10" customFormat="1" ht="45" customHeight="1" x14ac:dyDescent="0.15">
      <c r="A83" s="15" t="s">
        <v>103</v>
      </c>
      <c r="B83" s="18">
        <v>90</v>
      </c>
      <c r="C83" s="15" t="s">
        <v>193</v>
      </c>
      <c r="D83" s="15" t="s">
        <v>942</v>
      </c>
      <c r="E83" s="16" t="s">
        <v>1506</v>
      </c>
      <c r="F83" s="15" t="s">
        <v>2352</v>
      </c>
      <c r="G83" s="16" t="s">
        <v>2135</v>
      </c>
      <c r="H83" s="10">
        <v>77</v>
      </c>
    </row>
    <row r="84" spans="1:8" s="10" customFormat="1" ht="45" customHeight="1" x14ac:dyDescent="0.15">
      <c r="A84" s="15" t="s">
        <v>103</v>
      </c>
      <c r="B84" s="18">
        <v>92</v>
      </c>
      <c r="C84" s="15" t="s">
        <v>194</v>
      </c>
      <c r="D84" s="15" t="s">
        <v>943</v>
      </c>
      <c r="E84" s="16" t="s">
        <v>1507</v>
      </c>
      <c r="F84" s="15" t="s">
        <v>2235</v>
      </c>
      <c r="G84" s="16" t="s">
        <v>2165</v>
      </c>
      <c r="H84" s="10">
        <v>78</v>
      </c>
    </row>
    <row r="85" spans="1:8" s="10" customFormat="1" ht="45" customHeight="1" x14ac:dyDescent="0.15">
      <c r="A85" s="15" t="s">
        <v>103</v>
      </c>
      <c r="B85" s="18">
        <v>93</v>
      </c>
      <c r="C85" s="15" t="s">
        <v>195</v>
      </c>
      <c r="D85" s="15" t="s">
        <v>944</v>
      </c>
      <c r="E85" s="16" t="s">
        <v>1508</v>
      </c>
      <c r="F85" s="15" t="s">
        <v>2244</v>
      </c>
      <c r="G85" s="16" t="s">
        <v>2166</v>
      </c>
      <c r="H85" s="10">
        <v>79</v>
      </c>
    </row>
    <row r="86" spans="1:8" s="10" customFormat="1" ht="45" customHeight="1" x14ac:dyDescent="0.15">
      <c r="A86" s="15" t="s">
        <v>103</v>
      </c>
      <c r="B86" s="18">
        <v>94</v>
      </c>
      <c r="C86" s="15" t="s">
        <v>196</v>
      </c>
      <c r="D86" s="15" t="s">
        <v>945</v>
      </c>
      <c r="E86" s="16" t="s">
        <v>1509</v>
      </c>
      <c r="F86" s="15" t="s">
        <v>2326</v>
      </c>
      <c r="G86" s="16" t="s">
        <v>2164</v>
      </c>
      <c r="H86" s="10">
        <v>80</v>
      </c>
    </row>
    <row r="87" spans="1:8" s="10" customFormat="1" ht="45" customHeight="1" x14ac:dyDescent="0.15">
      <c r="A87" s="15" t="s">
        <v>103</v>
      </c>
      <c r="B87" s="18">
        <v>95</v>
      </c>
      <c r="C87" s="15" t="s">
        <v>197</v>
      </c>
      <c r="D87" s="15" t="s">
        <v>33</v>
      </c>
      <c r="E87" s="16" t="s">
        <v>1510</v>
      </c>
      <c r="F87" s="15" t="s">
        <v>2353</v>
      </c>
      <c r="G87" s="16" t="s">
        <v>2167</v>
      </c>
      <c r="H87" s="10">
        <v>81</v>
      </c>
    </row>
    <row r="88" spans="1:8" s="10" customFormat="1" ht="45" customHeight="1" x14ac:dyDescent="0.15">
      <c r="A88" s="15" t="s">
        <v>103</v>
      </c>
      <c r="B88" s="18">
        <v>96</v>
      </c>
      <c r="C88" s="15" t="s">
        <v>198</v>
      </c>
      <c r="D88" s="15" t="s">
        <v>946</v>
      </c>
      <c r="E88" s="16" t="s">
        <v>1511</v>
      </c>
      <c r="F88" s="15" t="s">
        <v>2239</v>
      </c>
      <c r="G88" s="16" t="s">
        <v>2163</v>
      </c>
      <c r="H88" s="10">
        <v>82</v>
      </c>
    </row>
    <row r="89" spans="1:8" s="10" customFormat="1" ht="45" customHeight="1" x14ac:dyDescent="0.15">
      <c r="A89" s="15" t="s">
        <v>103</v>
      </c>
      <c r="B89" s="18">
        <v>97</v>
      </c>
      <c r="C89" s="15" t="s">
        <v>199</v>
      </c>
      <c r="D89" s="15" t="s">
        <v>947</v>
      </c>
      <c r="E89" s="16" t="s">
        <v>1512</v>
      </c>
      <c r="F89" s="15" t="s">
        <v>2354</v>
      </c>
      <c r="G89" s="16" t="s">
        <v>2168</v>
      </c>
      <c r="H89" s="10">
        <v>83</v>
      </c>
    </row>
    <row r="90" spans="1:8" s="10" customFormat="1" ht="45" customHeight="1" x14ac:dyDescent="0.15">
      <c r="A90" s="15" t="s">
        <v>103</v>
      </c>
      <c r="B90" s="18">
        <v>101</v>
      </c>
      <c r="C90" s="15" t="s">
        <v>200</v>
      </c>
      <c r="D90" s="15" t="s">
        <v>948</v>
      </c>
      <c r="E90" s="16" t="s">
        <v>1513</v>
      </c>
      <c r="F90" s="15" t="s">
        <v>2237</v>
      </c>
      <c r="G90" s="16" t="s">
        <v>2165</v>
      </c>
      <c r="H90" s="10">
        <v>84</v>
      </c>
    </row>
    <row r="91" spans="1:8" s="10" customFormat="1" ht="45" customHeight="1" x14ac:dyDescent="0.15">
      <c r="A91" s="15" t="s">
        <v>103</v>
      </c>
      <c r="B91" s="18">
        <v>104</v>
      </c>
      <c r="C91" s="15" t="s">
        <v>201</v>
      </c>
      <c r="D91" s="15" t="s">
        <v>949</v>
      </c>
      <c r="E91" s="16" t="s">
        <v>1514</v>
      </c>
      <c r="F91" s="15" t="s">
        <v>2235</v>
      </c>
      <c r="G91" s="16" t="s">
        <v>2165</v>
      </c>
      <c r="H91" s="10">
        <v>85</v>
      </c>
    </row>
    <row r="92" spans="1:8" s="10" customFormat="1" ht="45" customHeight="1" x14ac:dyDescent="0.15">
      <c r="A92" s="15" t="s">
        <v>103</v>
      </c>
      <c r="B92" s="18">
        <v>105</v>
      </c>
      <c r="C92" s="15" t="s">
        <v>202</v>
      </c>
      <c r="D92" s="15" t="s">
        <v>950</v>
      </c>
      <c r="E92" s="16" t="s">
        <v>1515</v>
      </c>
      <c r="F92" s="15" t="s">
        <v>2331</v>
      </c>
      <c r="G92" s="16" t="s">
        <v>2169</v>
      </c>
      <c r="H92" s="10">
        <v>86</v>
      </c>
    </row>
    <row r="93" spans="1:8" s="10" customFormat="1" ht="45" customHeight="1" x14ac:dyDescent="0.15">
      <c r="A93" s="15" t="s">
        <v>103</v>
      </c>
      <c r="B93" s="18">
        <v>106</v>
      </c>
      <c r="C93" s="15" t="s">
        <v>203</v>
      </c>
      <c r="D93" s="15" t="s">
        <v>951</v>
      </c>
      <c r="E93" s="16" t="s">
        <v>1516</v>
      </c>
      <c r="F93" s="15" t="s">
        <v>2332</v>
      </c>
      <c r="G93" s="16" t="s">
        <v>2165</v>
      </c>
      <c r="H93" s="10">
        <v>87</v>
      </c>
    </row>
    <row r="94" spans="1:8" s="10" customFormat="1" ht="45" customHeight="1" x14ac:dyDescent="0.15">
      <c r="A94" s="15" t="s">
        <v>103</v>
      </c>
      <c r="B94" s="18">
        <v>107</v>
      </c>
      <c r="C94" s="15" t="s">
        <v>202</v>
      </c>
      <c r="D94" s="15" t="s">
        <v>952</v>
      </c>
      <c r="E94" s="16" t="s">
        <v>1517</v>
      </c>
      <c r="F94" s="15" t="s">
        <v>2239</v>
      </c>
      <c r="G94" s="16" t="s">
        <v>2169</v>
      </c>
      <c r="H94" s="10">
        <v>88</v>
      </c>
    </row>
    <row r="95" spans="1:8" s="10" customFormat="1" ht="45" customHeight="1" x14ac:dyDescent="0.15">
      <c r="A95" s="15" t="s">
        <v>103</v>
      </c>
      <c r="B95" s="18">
        <v>108</v>
      </c>
      <c r="C95" s="15" t="s">
        <v>204</v>
      </c>
      <c r="D95" s="15" t="s">
        <v>953</v>
      </c>
      <c r="E95" s="16" t="s">
        <v>1518</v>
      </c>
      <c r="F95" s="15" t="s">
        <v>2334</v>
      </c>
      <c r="G95" s="16" t="s">
        <v>2165</v>
      </c>
      <c r="H95" s="10">
        <v>89</v>
      </c>
    </row>
    <row r="96" spans="1:8" s="10" customFormat="1" ht="45" customHeight="1" x14ac:dyDescent="0.15">
      <c r="A96" s="15" t="s">
        <v>103</v>
      </c>
      <c r="B96" s="18">
        <v>109</v>
      </c>
      <c r="C96" s="15" t="s">
        <v>205</v>
      </c>
      <c r="D96" s="15" t="s">
        <v>954</v>
      </c>
      <c r="E96" s="16" t="s">
        <v>1519</v>
      </c>
      <c r="F96" s="15" t="s">
        <v>2243</v>
      </c>
      <c r="G96" s="16" t="s">
        <v>2163</v>
      </c>
      <c r="H96" s="10">
        <v>90</v>
      </c>
    </row>
    <row r="97" spans="1:8" s="10" customFormat="1" ht="45" customHeight="1" x14ac:dyDescent="0.15">
      <c r="A97" s="15" t="s">
        <v>103</v>
      </c>
      <c r="B97" s="18">
        <v>110</v>
      </c>
      <c r="C97" s="15" t="s">
        <v>206</v>
      </c>
      <c r="D97" s="15" t="s">
        <v>955</v>
      </c>
      <c r="E97" s="16" t="s">
        <v>1520</v>
      </c>
      <c r="F97" s="15" t="s">
        <v>2237</v>
      </c>
      <c r="G97" s="16" t="s">
        <v>2165</v>
      </c>
      <c r="H97" s="10">
        <v>91</v>
      </c>
    </row>
    <row r="98" spans="1:8" s="10" customFormat="1" ht="45" customHeight="1" x14ac:dyDescent="0.15">
      <c r="A98" s="15" t="s">
        <v>103</v>
      </c>
      <c r="B98" s="18">
        <v>111</v>
      </c>
      <c r="C98" s="15" t="s">
        <v>205</v>
      </c>
      <c r="D98" s="15" t="s">
        <v>956</v>
      </c>
      <c r="E98" s="16" t="s">
        <v>1521</v>
      </c>
      <c r="F98" s="15" t="s">
        <v>2334</v>
      </c>
      <c r="G98" s="16" t="s">
        <v>2165</v>
      </c>
      <c r="H98" s="10">
        <v>92</v>
      </c>
    </row>
    <row r="99" spans="1:8" s="10" customFormat="1" ht="45" customHeight="1" x14ac:dyDescent="0.15">
      <c r="A99" s="15" t="s">
        <v>103</v>
      </c>
      <c r="B99" s="18">
        <v>112</v>
      </c>
      <c r="C99" s="15" t="s">
        <v>207</v>
      </c>
      <c r="D99" s="15" t="s">
        <v>954</v>
      </c>
      <c r="E99" s="16" t="s">
        <v>1519</v>
      </c>
      <c r="F99" s="15" t="s">
        <v>2347</v>
      </c>
      <c r="G99" s="16" t="s">
        <v>2165</v>
      </c>
      <c r="H99" s="10">
        <v>93</v>
      </c>
    </row>
    <row r="100" spans="1:8" s="10" customFormat="1" ht="45" customHeight="1" x14ac:dyDescent="0.15">
      <c r="A100" s="15" t="s">
        <v>103</v>
      </c>
      <c r="B100" s="18">
        <v>113</v>
      </c>
      <c r="C100" s="15" t="s">
        <v>208</v>
      </c>
      <c r="D100" s="15" t="s">
        <v>957</v>
      </c>
      <c r="E100" s="16" t="s">
        <v>1522</v>
      </c>
      <c r="F100" s="15" t="s">
        <v>2235</v>
      </c>
      <c r="G100" s="16" t="s">
        <v>2165</v>
      </c>
      <c r="H100" s="10">
        <v>94</v>
      </c>
    </row>
    <row r="101" spans="1:8" s="10" customFormat="1" ht="45" customHeight="1" x14ac:dyDescent="0.15">
      <c r="A101" s="15" t="s">
        <v>103</v>
      </c>
      <c r="B101" s="18">
        <v>114</v>
      </c>
      <c r="C101" s="15" t="s">
        <v>209</v>
      </c>
      <c r="D101" s="15" t="s">
        <v>958</v>
      </c>
      <c r="E101" s="16" t="s">
        <v>1523</v>
      </c>
      <c r="F101" s="15" t="s">
        <v>2355</v>
      </c>
      <c r="G101" s="16" t="s">
        <v>2165</v>
      </c>
      <c r="H101" s="10">
        <v>95</v>
      </c>
    </row>
    <row r="102" spans="1:8" s="10" customFormat="1" ht="45" customHeight="1" x14ac:dyDescent="0.15">
      <c r="A102" s="15" t="s">
        <v>103</v>
      </c>
      <c r="B102" s="18">
        <v>115</v>
      </c>
      <c r="C102" s="15" t="s">
        <v>209</v>
      </c>
      <c r="D102" s="15" t="s">
        <v>959</v>
      </c>
      <c r="E102" s="16" t="s">
        <v>1524</v>
      </c>
      <c r="F102" s="15" t="s">
        <v>2339</v>
      </c>
      <c r="G102" s="16" t="s">
        <v>2165</v>
      </c>
      <c r="H102" s="10">
        <v>96</v>
      </c>
    </row>
    <row r="103" spans="1:8" s="10" customFormat="1" ht="45" customHeight="1" x14ac:dyDescent="0.15">
      <c r="A103" s="15" t="s">
        <v>103</v>
      </c>
      <c r="B103" s="18">
        <v>117</v>
      </c>
      <c r="C103" s="15" t="s">
        <v>210</v>
      </c>
      <c r="D103" s="15" t="s">
        <v>960</v>
      </c>
      <c r="E103" s="16" t="s">
        <v>1525</v>
      </c>
      <c r="F103" s="15" t="s">
        <v>2350</v>
      </c>
      <c r="G103" s="16" t="s">
        <v>2165</v>
      </c>
      <c r="H103" s="10">
        <v>97</v>
      </c>
    </row>
    <row r="104" spans="1:8" s="10" customFormat="1" ht="45" customHeight="1" x14ac:dyDescent="0.15">
      <c r="A104" s="15" t="s">
        <v>103</v>
      </c>
      <c r="B104" s="18">
        <v>118</v>
      </c>
      <c r="C104" s="15" t="s">
        <v>208</v>
      </c>
      <c r="D104" s="15" t="s">
        <v>961</v>
      </c>
      <c r="E104" s="16" t="s">
        <v>1526</v>
      </c>
      <c r="F104" s="15" t="s">
        <v>2334</v>
      </c>
      <c r="G104" s="16" t="s">
        <v>2170</v>
      </c>
      <c r="H104" s="10">
        <v>98</v>
      </c>
    </row>
    <row r="105" spans="1:8" s="10" customFormat="1" ht="45" customHeight="1" x14ac:dyDescent="0.15">
      <c r="A105" s="15" t="s">
        <v>103</v>
      </c>
      <c r="B105" s="18">
        <v>119</v>
      </c>
      <c r="C105" s="15" t="s">
        <v>208</v>
      </c>
      <c r="D105" s="15" t="s">
        <v>962</v>
      </c>
      <c r="E105" s="16" t="s">
        <v>1527</v>
      </c>
      <c r="F105" s="15" t="s">
        <v>2356</v>
      </c>
      <c r="G105" s="16" t="s">
        <v>2170</v>
      </c>
      <c r="H105" s="10">
        <v>99</v>
      </c>
    </row>
    <row r="106" spans="1:8" s="10" customFormat="1" ht="45" customHeight="1" x14ac:dyDescent="0.15">
      <c r="A106" s="15" t="s">
        <v>103</v>
      </c>
      <c r="B106" s="18">
        <v>120</v>
      </c>
      <c r="C106" s="15" t="s">
        <v>211</v>
      </c>
      <c r="D106" s="15" t="s">
        <v>963</v>
      </c>
      <c r="E106" s="16" t="s">
        <v>1528</v>
      </c>
      <c r="F106" s="15" t="s">
        <v>2331</v>
      </c>
      <c r="G106" s="16" t="s">
        <v>2170</v>
      </c>
      <c r="H106" s="10">
        <v>100</v>
      </c>
    </row>
    <row r="107" spans="1:8" s="10" customFormat="1" ht="45" customHeight="1" x14ac:dyDescent="0.15">
      <c r="A107" s="15" t="s">
        <v>103</v>
      </c>
      <c r="B107" s="18">
        <v>121</v>
      </c>
      <c r="C107" s="15" t="s">
        <v>209</v>
      </c>
      <c r="D107" s="15" t="s">
        <v>964</v>
      </c>
      <c r="E107" s="16" t="s">
        <v>1529</v>
      </c>
      <c r="F107" s="15" t="s">
        <v>2244</v>
      </c>
      <c r="G107" s="16" t="s">
        <v>2165</v>
      </c>
      <c r="H107" s="10">
        <v>101</v>
      </c>
    </row>
    <row r="108" spans="1:8" s="10" customFormat="1" ht="45" customHeight="1" x14ac:dyDescent="0.15">
      <c r="A108" s="15" t="s">
        <v>103</v>
      </c>
      <c r="B108" s="18">
        <v>122</v>
      </c>
      <c r="C108" s="15" t="s">
        <v>212</v>
      </c>
      <c r="D108" s="15" t="s">
        <v>965</v>
      </c>
      <c r="E108" s="16" t="s">
        <v>1530</v>
      </c>
      <c r="F108" s="15" t="s">
        <v>2344</v>
      </c>
      <c r="G108" s="16" t="s">
        <v>2165</v>
      </c>
      <c r="H108" s="10">
        <v>102</v>
      </c>
    </row>
    <row r="109" spans="1:8" s="10" customFormat="1" ht="45" customHeight="1" x14ac:dyDescent="0.15">
      <c r="A109" s="15" t="s">
        <v>104</v>
      </c>
      <c r="B109" s="18">
        <v>1</v>
      </c>
      <c r="C109" s="15" t="s">
        <v>213</v>
      </c>
      <c r="D109" s="15" t="s">
        <v>966</v>
      </c>
      <c r="E109" s="16" t="s">
        <v>1531</v>
      </c>
      <c r="F109" s="15" t="s">
        <v>2357</v>
      </c>
      <c r="G109" s="16" t="s">
        <v>2171</v>
      </c>
      <c r="H109" s="10">
        <v>103</v>
      </c>
    </row>
    <row r="110" spans="1:8" s="10" customFormat="1" ht="45" customHeight="1" x14ac:dyDescent="0.15">
      <c r="A110" s="15" t="s">
        <v>104</v>
      </c>
      <c r="B110" s="18">
        <v>2</v>
      </c>
      <c r="C110" s="15" t="s">
        <v>214</v>
      </c>
      <c r="D110" s="15" t="s">
        <v>967</v>
      </c>
      <c r="E110" s="16" t="s">
        <v>1532</v>
      </c>
      <c r="F110" s="15" t="s">
        <v>2358</v>
      </c>
      <c r="G110" s="16" t="s">
        <v>2171</v>
      </c>
      <c r="H110" s="10">
        <v>104</v>
      </c>
    </row>
    <row r="111" spans="1:8" s="10" customFormat="1" ht="45" customHeight="1" x14ac:dyDescent="0.15">
      <c r="A111" s="15" t="s">
        <v>36</v>
      </c>
      <c r="B111" s="18">
        <v>4</v>
      </c>
      <c r="C111" s="15" t="s">
        <v>215</v>
      </c>
      <c r="D111" s="15" t="s">
        <v>968</v>
      </c>
      <c r="E111" s="16" t="s">
        <v>1533</v>
      </c>
      <c r="F111" s="15" t="s">
        <v>2359</v>
      </c>
      <c r="G111" s="16" t="s">
        <v>2172</v>
      </c>
      <c r="H111" s="10">
        <v>105</v>
      </c>
    </row>
    <row r="112" spans="1:8" s="10" customFormat="1" ht="45" customHeight="1" x14ac:dyDescent="0.15">
      <c r="A112" s="15" t="s">
        <v>36</v>
      </c>
      <c r="B112" s="18">
        <v>5</v>
      </c>
      <c r="C112" s="15" t="s">
        <v>216</v>
      </c>
      <c r="D112" s="15" t="s">
        <v>969</v>
      </c>
      <c r="E112" s="16" t="s">
        <v>1534</v>
      </c>
      <c r="F112" s="15" t="s">
        <v>2245</v>
      </c>
      <c r="G112" s="16" t="s">
        <v>2172</v>
      </c>
      <c r="H112" s="10">
        <v>106</v>
      </c>
    </row>
    <row r="113" spans="1:8" s="10" customFormat="1" ht="45" customHeight="1" x14ac:dyDescent="0.15">
      <c r="A113" s="15" t="s">
        <v>36</v>
      </c>
      <c r="B113" s="18">
        <v>6</v>
      </c>
      <c r="C113" s="15" t="s">
        <v>217</v>
      </c>
      <c r="D113" s="15" t="s">
        <v>970</v>
      </c>
      <c r="E113" s="16" t="s">
        <v>1535</v>
      </c>
      <c r="F113" s="15" t="s">
        <v>2360</v>
      </c>
      <c r="G113" s="16" t="s">
        <v>2172</v>
      </c>
      <c r="H113" s="10">
        <v>107</v>
      </c>
    </row>
    <row r="114" spans="1:8" s="10" customFormat="1" ht="45" customHeight="1" x14ac:dyDescent="0.15">
      <c r="A114" s="15" t="s">
        <v>36</v>
      </c>
      <c r="B114" s="18">
        <v>7</v>
      </c>
      <c r="C114" s="15" t="s">
        <v>218</v>
      </c>
      <c r="D114" s="15" t="s">
        <v>971</v>
      </c>
      <c r="E114" s="16" t="s">
        <v>1536</v>
      </c>
      <c r="F114" s="15" t="s">
        <v>2361</v>
      </c>
      <c r="G114" s="16" t="s">
        <v>2173</v>
      </c>
      <c r="H114" s="10">
        <v>108</v>
      </c>
    </row>
    <row r="115" spans="1:8" s="10" customFormat="1" ht="45" customHeight="1" x14ac:dyDescent="0.15">
      <c r="A115" s="15" t="s">
        <v>105</v>
      </c>
      <c r="B115" s="18">
        <v>8</v>
      </c>
      <c r="C115" s="15" t="s">
        <v>219</v>
      </c>
      <c r="D115" s="15" t="s">
        <v>972</v>
      </c>
      <c r="E115" s="16" t="s">
        <v>1537</v>
      </c>
      <c r="F115" s="15" t="s">
        <v>2246</v>
      </c>
      <c r="G115" s="15" t="s">
        <v>2172</v>
      </c>
      <c r="H115" s="10">
        <v>109</v>
      </c>
    </row>
    <row r="116" spans="1:8" s="10" customFormat="1" ht="45" customHeight="1" x14ac:dyDescent="0.15">
      <c r="A116" s="15" t="s">
        <v>105</v>
      </c>
      <c r="B116" s="18">
        <v>9</v>
      </c>
      <c r="C116" s="15" t="s">
        <v>220</v>
      </c>
      <c r="D116" s="15" t="s">
        <v>973</v>
      </c>
      <c r="E116" s="16" t="s">
        <v>1538</v>
      </c>
      <c r="F116" s="15" t="s">
        <v>2362</v>
      </c>
      <c r="G116" s="15" t="s">
        <v>2172</v>
      </c>
      <c r="H116" s="10">
        <v>110</v>
      </c>
    </row>
    <row r="117" spans="1:8" s="10" customFormat="1" ht="45" customHeight="1" x14ac:dyDescent="0.15">
      <c r="A117" s="15" t="s">
        <v>105</v>
      </c>
      <c r="B117" s="18">
        <v>10</v>
      </c>
      <c r="C117" s="15" t="s">
        <v>221</v>
      </c>
      <c r="D117" s="15" t="s">
        <v>974</v>
      </c>
      <c r="E117" s="16" t="s">
        <v>1539</v>
      </c>
      <c r="F117" s="15" t="s">
        <v>2363</v>
      </c>
      <c r="G117" s="15" t="s">
        <v>2172</v>
      </c>
      <c r="H117" s="10">
        <v>111</v>
      </c>
    </row>
    <row r="118" spans="1:8" s="10" customFormat="1" ht="45" customHeight="1" x14ac:dyDescent="0.15">
      <c r="A118" s="15" t="s">
        <v>105</v>
      </c>
      <c r="B118" s="18">
        <v>11</v>
      </c>
      <c r="C118" s="15" t="s">
        <v>222</v>
      </c>
      <c r="D118" s="15" t="s">
        <v>975</v>
      </c>
      <c r="E118" s="16" t="s">
        <v>1540</v>
      </c>
      <c r="F118" s="15" t="s">
        <v>2364</v>
      </c>
      <c r="G118" s="15" t="s">
        <v>2174</v>
      </c>
      <c r="H118" s="10">
        <v>112</v>
      </c>
    </row>
    <row r="119" spans="1:8" s="10" customFormat="1" ht="45" customHeight="1" x14ac:dyDescent="0.15">
      <c r="A119" s="15" t="s">
        <v>105</v>
      </c>
      <c r="B119" s="18">
        <v>12</v>
      </c>
      <c r="C119" s="15" t="s">
        <v>222</v>
      </c>
      <c r="D119" s="15" t="s">
        <v>976</v>
      </c>
      <c r="E119" s="16" t="s">
        <v>1541</v>
      </c>
      <c r="F119" s="15" t="s">
        <v>2365</v>
      </c>
      <c r="G119" s="16" t="s">
        <v>2174</v>
      </c>
      <c r="H119" s="10">
        <v>113</v>
      </c>
    </row>
    <row r="120" spans="1:8" s="10" customFormat="1" ht="45" customHeight="1" x14ac:dyDescent="0.15">
      <c r="A120" s="15" t="s">
        <v>105</v>
      </c>
      <c r="B120" s="18">
        <v>13</v>
      </c>
      <c r="C120" s="15" t="s">
        <v>222</v>
      </c>
      <c r="D120" s="15" t="s">
        <v>977</v>
      </c>
      <c r="E120" s="16" t="s">
        <v>1542</v>
      </c>
      <c r="F120" s="15" t="s">
        <v>2366</v>
      </c>
      <c r="G120" s="16" t="s">
        <v>2174</v>
      </c>
      <c r="H120" s="10">
        <v>114</v>
      </c>
    </row>
    <row r="121" spans="1:8" s="10" customFormat="1" ht="45" customHeight="1" x14ac:dyDescent="0.15">
      <c r="A121" s="15" t="s">
        <v>105</v>
      </c>
      <c r="B121" s="18">
        <v>14</v>
      </c>
      <c r="C121" s="15" t="s">
        <v>222</v>
      </c>
      <c r="D121" s="15" t="s">
        <v>978</v>
      </c>
      <c r="E121" s="16" t="s">
        <v>1543</v>
      </c>
      <c r="F121" s="15" t="s">
        <v>2367</v>
      </c>
      <c r="G121" s="16" t="s">
        <v>2174</v>
      </c>
      <c r="H121" s="10">
        <v>115</v>
      </c>
    </row>
    <row r="122" spans="1:8" s="10" customFormat="1" ht="45" customHeight="1" x14ac:dyDescent="0.15">
      <c r="A122" s="15" t="s">
        <v>105</v>
      </c>
      <c r="B122" s="18">
        <v>15</v>
      </c>
      <c r="C122" s="15" t="s">
        <v>223</v>
      </c>
      <c r="D122" s="15" t="s">
        <v>979</v>
      </c>
      <c r="E122" s="16" t="s">
        <v>1544</v>
      </c>
      <c r="F122" s="15" t="s">
        <v>2368</v>
      </c>
      <c r="G122" s="16" t="s">
        <v>2172</v>
      </c>
      <c r="H122" s="10">
        <v>116</v>
      </c>
    </row>
    <row r="123" spans="1:8" s="10" customFormat="1" ht="45" customHeight="1" x14ac:dyDescent="0.15">
      <c r="A123" s="15" t="s">
        <v>105</v>
      </c>
      <c r="B123" s="18">
        <v>16</v>
      </c>
      <c r="C123" s="15" t="s">
        <v>224</v>
      </c>
      <c r="D123" s="15" t="s">
        <v>980</v>
      </c>
      <c r="E123" s="16" t="s">
        <v>1545</v>
      </c>
      <c r="F123" s="15" t="s">
        <v>2369</v>
      </c>
      <c r="G123" s="16" t="s">
        <v>2172</v>
      </c>
      <c r="H123" s="10">
        <v>117</v>
      </c>
    </row>
    <row r="124" spans="1:8" s="10" customFormat="1" ht="45" customHeight="1" x14ac:dyDescent="0.15">
      <c r="A124" s="15" t="s">
        <v>105</v>
      </c>
      <c r="B124" s="18">
        <v>18</v>
      </c>
      <c r="C124" s="15" t="s">
        <v>225</v>
      </c>
      <c r="D124" s="15" t="s">
        <v>981</v>
      </c>
      <c r="E124" s="16" t="s">
        <v>1546</v>
      </c>
      <c r="F124" s="15" t="s">
        <v>2363</v>
      </c>
      <c r="G124" s="16" t="s">
        <v>2172</v>
      </c>
      <c r="H124" s="10">
        <v>118</v>
      </c>
    </row>
    <row r="125" spans="1:8" s="10" customFormat="1" ht="45" customHeight="1" x14ac:dyDescent="0.15">
      <c r="A125" s="15" t="s">
        <v>104</v>
      </c>
      <c r="B125" s="18">
        <v>19</v>
      </c>
      <c r="C125" s="15" t="s">
        <v>226</v>
      </c>
      <c r="D125" s="15" t="s">
        <v>982</v>
      </c>
      <c r="E125" s="16" t="s">
        <v>1547</v>
      </c>
      <c r="F125" s="15" t="s">
        <v>2247</v>
      </c>
      <c r="G125" s="16" t="s">
        <v>2171</v>
      </c>
      <c r="H125" s="10">
        <v>119</v>
      </c>
    </row>
    <row r="126" spans="1:8" s="10" customFormat="1" ht="45" customHeight="1" x14ac:dyDescent="0.15">
      <c r="A126" s="15" t="s">
        <v>104</v>
      </c>
      <c r="B126" s="18">
        <v>20</v>
      </c>
      <c r="C126" s="15" t="s">
        <v>227</v>
      </c>
      <c r="D126" s="15" t="s">
        <v>983</v>
      </c>
      <c r="E126" s="16" t="s">
        <v>1548</v>
      </c>
      <c r="F126" s="15" t="s">
        <v>2248</v>
      </c>
      <c r="G126" s="16" t="s">
        <v>2171</v>
      </c>
      <c r="H126" s="10">
        <v>120</v>
      </c>
    </row>
    <row r="127" spans="1:8" s="10" customFormat="1" ht="45" customHeight="1" x14ac:dyDescent="0.15">
      <c r="A127" s="15" t="s">
        <v>105</v>
      </c>
      <c r="B127" s="18">
        <v>22</v>
      </c>
      <c r="C127" s="15" t="s">
        <v>228</v>
      </c>
      <c r="D127" s="15" t="s">
        <v>984</v>
      </c>
      <c r="E127" s="16" t="s">
        <v>1549</v>
      </c>
      <c r="F127" s="15" t="s">
        <v>2370</v>
      </c>
      <c r="G127" s="16" t="s">
        <v>2175</v>
      </c>
      <c r="H127" s="10">
        <v>121</v>
      </c>
    </row>
    <row r="128" spans="1:8" s="10" customFormat="1" ht="45" customHeight="1" x14ac:dyDescent="0.15">
      <c r="A128" s="15" t="s">
        <v>104</v>
      </c>
      <c r="B128" s="18">
        <v>23</v>
      </c>
      <c r="C128" s="15" t="s">
        <v>229</v>
      </c>
      <c r="D128" s="15" t="s">
        <v>985</v>
      </c>
      <c r="E128" s="16" t="s">
        <v>1550</v>
      </c>
      <c r="F128" s="15" t="s">
        <v>2371</v>
      </c>
      <c r="G128" s="16" t="s">
        <v>2176</v>
      </c>
      <c r="H128" s="10">
        <v>122</v>
      </c>
    </row>
    <row r="129" spans="1:8" s="10" customFormat="1" ht="45" customHeight="1" x14ac:dyDescent="0.15">
      <c r="A129" s="15" t="s">
        <v>104</v>
      </c>
      <c r="B129" s="18">
        <v>24</v>
      </c>
      <c r="C129" s="15" t="s">
        <v>230</v>
      </c>
      <c r="D129" s="15" t="s">
        <v>986</v>
      </c>
      <c r="E129" s="16" t="s">
        <v>1551</v>
      </c>
      <c r="F129" s="15" t="s">
        <v>2372</v>
      </c>
      <c r="G129" s="16" t="s">
        <v>2171</v>
      </c>
      <c r="H129" s="10">
        <v>123</v>
      </c>
    </row>
    <row r="130" spans="1:8" s="10" customFormat="1" ht="45" customHeight="1" x14ac:dyDescent="0.15">
      <c r="A130" s="15" t="s">
        <v>104</v>
      </c>
      <c r="B130" s="18">
        <v>25</v>
      </c>
      <c r="C130" s="15" t="s">
        <v>231</v>
      </c>
      <c r="D130" s="15" t="s">
        <v>987</v>
      </c>
      <c r="E130" s="16" t="s">
        <v>1552</v>
      </c>
      <c r="F130" s="15" t="s">
        <v>2369</v>
      </c>
      <c r="G130" s="16" t="s">
        <v>2171</v>
      </c>
      <c r="H130" s="10">
        <v>124</v>
      </c>
    </row>
    <row r="131" spans="1:8" s="10" customFormat="1" ht="45" customHeight="1" x14ac:dyDescent="0.15">
      <c r="A131" s="15" t="s">
        <v>36</v>
      </c>
      <c r="B131" s="18">
        <v>27</v>
      </c>
      <c r="C131" s="15" t="s">
        <v>232</v>
      </c>
      <c r="D131" s="15" t="s">
        <v>988</v>
      </c>
      <c r="E131" s="16" t="s">
        <v>1553</v>
      </c>
      <c r="F131" s="15" t="s">
        <v>2373</v>
      </c>
      <c r="G131" s="16" t="s">
        <v>2177</v>
      </c>
      <c r="H131" s="10">
        <v>125</v>
      </c>
    </row>
    <row r="132" spans="1:8" s="10" customFormat="1" ht="45" customHeight="1" x14ac:dyDescent="0.15">
      <c r="A132" s="15" t="s">
        <v>36</v>
      </c>
      <c r="B132" s="18">
        <v>28</v>
      </c>
      <c r="C132" s="15" t="s">
        <v>233</v>
      </c>
      <c r="D132" s="15" t="s">
        <v>986</v>
      </c>
      <c r="E132" s="16" t="s">
        <v>1551</v>
      </c>
      <c r="F132" s="15" t="s">
        <v>2361</v>
      </c>
      <c r="G132" s="16" t="s">
        <v>2171</v>
      </c>
      <c r="H132" s="10">
        <v>126</v>
      </c>
    </row>
    <row r="133" spans="1:8" s="10" customFormat="1" ht="45" customHeight="1" x14ac:dyDescent="0.15">
      <c r="A133" s="15" t="s">
        <v>36</v>
      </c>
      <c r="B133" s="18">
        <v>29</v>
      </c>
      <c r="C133" s="15" t="s">
        <v>234</v>
      </c>
      <c r="D133" s="15" t="s">
        <v>989</v>
      </c>
      <c r="E133" s="16" t="s">
        <v>1554</v>
      </c>
      <c r="F133" s="15" t="s">
        <v>2374</v>
      </c>
      <c r="G133" s="16" t="s">
        <v>2171</v>
      </c>
      <c r="H133" s="10">
        <v>127</v>
      </c>
    </row>
    <row r="134" spans="1:8" s="10" customFormat="1" ht="45" customHeight="1" x14ac:dyDescent="0.15">
      <c r="A134" s="15" t="s">
        <v>36</v>
      </c>
      <c r="B134" s="18">
        <v>30</v>
      </c>
      <c r="C134" s="15" t="s">
        <v>235</v>
      </c>
      <c r="D134" s="15" t="s">
        <v>977</v>
      </c>
      <c r="E134" s="16" t="s">
        <v>1555</v>
      </c>
      <c r="F134" s="15" t="s">
        <v>2375</v>
      </c>
      <c r="G134" s="16" t="s">
        <v>2177</v>
      </c>
      <c r="H134" s="10">
        <v>128</v>
      </c>
    </row>
    <row r="135" spans="1:8" s="10" customFormat="1" ht="45" customHeight="1" x14ac:dyDescent="0.15">
      <c r="A135" s="15" t="s">
        <v>105</v>
      </c>
      <c r="B135" s="18">
        <v>31</v>
      </c>
      <c r="C135" s="15" t="s">
        <v>236</v>
      </c>
      <c r="D135" s="15" t="s">
        <v>990</v>
      </c>
      <c r="E135" s="16" t="s">
        <v>1556</v>
      </c>
      <c r="F135" s="15" t="s">
        <v>2246</v>
      </c>
      <c r="G135" s="16" t="s">
        <v>2177</v>
      </c>
      <c r="H135" s="10">
        <v>129</v>
      </c>
    </row>
    <row r="136" spans="1:8" s="10" customFormat="1" ht="45" customHeight="1" x14ac:dyDescent="0.15">
      <c r="A136" s="15" t="s">
        <v>105</v>
      </c>
      <c r="B136" s="18">
        <v>32</v>
      </c>
      <c r="C136" s="15" t="s">
        <v>237</v>
      </c>
      <c r="D136" s="15" t="s">
        <v>991</v>
      </c>
      <c r="E136" s="16" t="s">
        <v>1557</v>
      </c>
      <c r="F136" s="15" t="s">
        <v>2249</v>
      </c>
      <c r="G136" s="16" t="s">
        <v>2177</v>
      </c>
      <c r="H136" s="10">
        <v>130</v>
      </c>
    </row>
    <row r="137" spans="1:8" s="10" customFormat="1" ht="45" customHeight="1" x14ac:dyDescent="0.15">
      <c r="A137" s="15" t="s">
        <v>105</v>
      </c>
      <c r="B137" s="18">
        <v>33</v>
      </c>
      <c r="C137" s="15" t="s">
        <v>238</v>
      </c>
      <c r="D137" s="15" t="s">
        <v>985</v>
      </c>
      <c r="E137" s="16" t="s">
        <v>1558</v>
      </c>
      <c r="F137" s="15" t="s">
        <v>2250</v>
      </c>
      <c r="G137" s="16" t="s">
        <v>2177</v>
      </c>
      <c r="H137" s="10">
        <v>131</v>
      </c>
    </row>
    <row r="138" spans="1:8" s="10" customFormat="1" ht="45" customHeight="1" x14ac:dyDescent="0.15">
      <c r="A138" s="15" t="s">
        <v>105</v>
      </c>
      <c r="B138" s="18">
        <v>34</v>
      </c>
      <c r="C138" s="15" t="s">
        <v>239</v>
      </c>
      <c r="D138" s="15" t="s">
        <v>992</v>
      </c>
      <c r="E138" s="16" t="s">
        <v>1559</v>
      </c>
      <c r="F138" s="15" t="s">
        <v>2376</v>
      </c>
      <c r="G138" s="16" t="s">
        <v>2177</v>
      </c>
      <c r="H138" s="10">
        <v>132</v>
      </c>
    </row>
    <row r="139" spans="1:8" s="10" customFormat="1" ht="45" customHeight="1" x14ac:dyDescent="0.15">
      <c r="A139" s="15" t="s">
        <v>36</v>
      </c>
      <c r="B139" s="18">
        <v>35</v>
      </c>
      <c r="C139" s="15" t="s">
        <v>240</v>
      </c>
      <c r="D139" s="15" t="s">
        <v>988</v>
      </c>
      <c r="E139" s="16" t="s">
        <v>1553</v>
      </c>
      <c r="F139" s="15" t="s">
        <v>2377</v>
      </c>
      <c r="G139" s="16" t="s">
        <v>2177</v>
      </c>
      <c r="H139" s="10">
        <v>133</v>
      </c>
    </row>
    <row r="140" spans="1:8" s="10" customFormat="1" ht="45" customHeight="1" x14ac:dyDescent="0.15">
      <c r="A140" s="15" t="s">
        <v>36</v>
      </c>
      <c r="B140" s="18">
        <v>36</v>
      </c>
      <c r="C140" s="15" t="s">
        <v>241</v>
      </c>
      <c r="D140" s="15" t="s">
        <v>985</v>
      </c>
      <c r="E140" s="16" t="s">
        <v>1560</v>
      </c>
      <c r="F140" s="15" t="s">
        <v>2378</v>
      </c>
      <c r="G140" s="16" t="s">
        <v>2171</v>
      </c>
      <c r="H140" s="10">
        <v>134</v>
      </c>
    </row>
    <row r="141" spans="1:8" s="10" customFormat="1" ht="45" customHeight="1" x14ac:dyDescent="0.15">
      <c r="A141" s="15" t="s">
        <v>105</v>
      </c>
      <c r="B141" s="18">
        <v>37</v>
      </c>
      <c r="C141" s="15" t="s">
        <v>242</v>
      </c>
      <c r="D141" s="15" t="s">
        <v>993</v>
      </c>
      <c r="E141" s="16" t="s">
        <v>1561</v>
      </c>
      <c r="F141" s="15" t="s">
        <v>2379</v>
      </c>
      <c r="G141" s="16" t="s">
        <v>2174</v>
      </c>
      <c r="H141" s="10">
        <v>135</v>
      </c>
    </row>
    <row r="142" spans="1:8" s="10" customFormat="1" ht="45" customHeight="1" x14ac:dyDescent="0.15">
      <c r="A142" s="15" t="s">
        <v>105</v>
      </c>
      <c r="B142" s="18">
        <v>38</v>
      </c>
      <c r="C142" s="15" t="s">
        <v>243</v>
      </c>
      <c r="D142" s="15" t="s">
        <v>994</v>
      </c>
      <c r="E142" s="16" t="s">
        <v>1562</v>
      </c>
      <c r="F142" s="15" t="s">
        <v>2380</v>
      </c>
      <c r="G142" s="16" t="s">
        <v>2174</v>
      </c>
      <c r="H142" s="10">
        <v>136</v>
      </c>
    </row>
    <row r="143" spans="1:8" s="10" customFormat="1" ht="45" customHeight="1" x14ac:dyDescent="0.15">
      <c r="A143" s="15" t="s">
        <v>36</v>
      </c>
      <c r="B143" s="18">
        <v>39</v>
      </c>
      <c r="C143" s="15" t="s">
        <v>244</v>
      </c>
      <c r="D143" s="15" t="s">
        <v>995</v>
      </c>
      <c r="E143" s="16" t="s">
        <v>1563</v>
      </c>
      <c r="F143" s="15" t="s">
        <v>2381</v>
      </c>
      <c r="G143" s="16" t="s">
        <v>2171</v>
      </c>
      <c r="H143" s="10">
        <v>137</v>
      </c>
    </row>
    <row r="144" spans="1:8" s="10" customFormat="1" ht="45" customHeight="1" x14ac:dyDescent="0.15">
      <c r="A144" s="15" t="s">
        <v>36</v>
      </c>
      <c r="B144" s="18">
        <v>41</v>
      </c>
      <c r="C144" s="15" t="s">
        <v>245</v>
      </c>
      <c r="D144" s="15" t="s">
        <v>996</v>
      </c>
      <c r="E144" s="16" t="s">
        <v>1564</v>
      </c>
      <c r="F144" s="15" t="s">
        <v>2378</v>
      </c>
      <c r="G144" s="16" t="s">
        <v>2176</v>
      </c>
      <c r="H144" s="10">
        <v>138</v>
      </c>
    </row>
    <row r="145" spans="1:8" s="10" customFormat="1" ht="45" customHeight="1" x14ac:dyDescent="0.15">
      <c r="A145" s="15" t="s">
        <v>36</v>
      </c>
      <c r="B145" s="18">
        <v>42</v>
      </c>
      <c r="C145" s="15" t="s">
        <v>246</v>
      </c>
      <c r="D145" s="15" t="s">
        <v>997</v>
      </c>
      <c r="E145" s="16" t="s">
        <v>1565</v>
      </c>
      <c r="F145" s="15" t="s">
        <v>2364</v>
      </c>
      <c r="G145" s="16" t="s">
        <v>2174</v>
      </c>
      <c r="H145" s="10">
        <v>139</v>
      </c>
    </row>
    <row r="146" spans="1:8" s="10" customFormat="1" ht="45" customHeight="1" x14ac:dyDescent="0.15">
      <c r="A146" s="15" t="s">
        <v>36</v>
      </c>
      <c r="B146" s="18">
        <v>43</v>
      </c>
      <c r="C146" s="15" t="s">
        <v>247</v>
      </c>
      <c r="D146" s="15" t="s">
        <v>998</v>
      </c>
      <c r="E146" s="16" t="s">
        <v>1566</v>
      </c>
      <c r="F146" s="15" t="s">
        <v>2382</v>
      </c>
      <c r="G146" s="16" t="s">
        <v>2174</v>
      </c>
      <c r="H146" s="10">
        <v>140</v>
      </c>
    </row>
    <row r="147" spans="1:8" s="10" customFormat="1" ht="45" customHeight="1" x14ac:dyDescent="0.15">
      <c r="A147" s="15" t="s">
        <v>36</v>
      </c>
      <c r="B147" s="18">
        <v>44</v>
      </c>
      <c r="C147" s="15" t="s">
        <v>248</v>
      </c>
      <c r="D147" s="15" t="s">
        <v>999</v>
      </c>
      <c r="E147" s="16" t="s">
        <v>1567</v>
      </c>
      <c r="F147" s="15" t="s">
        <v>2361</v>
      </c>
      <c r="G147" s="16" t="s">
        <v>2174</v>
      </c>
      <c r="H147" s="10">
        <v>141</v>
      </c>
    </row>
    <row r="148" spans="1:8" s="10" customFormat="1" ht="45" customHeight="1" x14ac:dyDescent="0.15">
      <c r="A148" s="15" t="s">
        <v>36</v>
      </c>
      <c r="B148" s="18">
        <v>45</v>
      </c>
      <c r="C148" s="15" t="s">
        <v>249</v>
      </c>
      <c r="D148" s="15" t="s">
        <v>1000</v>
      </c>
      <c r="E148" s="16" t="s">
        <v>1568</v>
      </c>
      <c r="F148" s="15" t="s">
        <v>2383</v>
      </c>
      <c r="G148" s="16" t="s">
        <v>2171</v>
      </c>
      <c r="H148" s="10">
        <v>142</v>
      </c>
    </row>
    <row r="149" spans="1:8" s="10" customFormat="1" ht="45" customHeight="1" x14ac:dyDescent="0.15">
      <c r="A149" s="15" t="s">
        <v>36</v>
      </c>
      <c r="B149" s="18">
        <v>46</v>
      </c>
      <c r="C149" s="15" t="s">
        <v>250</v>
      </c>
      <c r="D149" s="15" t="s">
        <v>1001</v>
      </c>
      <c r="E149" s="16" t="s">
        <v>1569</v>
      </c>
      <c r="F149" s="15" t="s">
        <v>2384</v>
      </c>
      <c r="G149" s="16" t="s">
        <v>2175</v>
      </c>
      <c r="H149" s="10">
        <v>143</v>
      </c>
    </row>
    <row r="150" spans="1:8" s="10" customFormat="1" ht="45" customHeight="1" x14ac:dyDescent="0.15">
      <c r="A150" s="15" t="s">
        <v>36</v>
      </c>
      <c r="B150" s="18">
        <v>47</v>
      </c>
      <c r="C150" s="15" t="s">
        <v>251</v>
      </c>
      <c r="D150" s="15" t="s">
        <v>37</v>
      </c>
      <c r="E150" s="16" t="s">
        <v>1570</v>
      </c>
      <c r="F150" s="15" t="s">
        <v>2369</v>
      </c>
      <c r="G150" s="16" t="s">
        <v>2171</v>
      </c>
      <c r="H150" s="10">
        <v>144</v>
      </c>
    </row>
    <row r="151" spans="1:8" s="10" customFormat="1" ht="45" customHeight="1" x14ac:dyDescent="0.15">
      <c r="A151" s="15" t="s">
        <v>36</v>
      </c>
      <c r="B151" s="18">
        <v>48</v>
      </c>
      <c r="C151" s="15" t="s">
        <v>252</v>
      </c>
      <c r="D151" s="15" t="s">
        <v>1002</v>
      </c>
      <c r="E151" s="16" t="s">
        <v>1571</v>
      </c>
      <c r="F151" s="15" t="s">
        <v>2251</v>
      </c>
      <c r="G151" s="16" t="s">
        <v>2171</v>
      </c>
      <c r="H151" s="10">
        <v>145</v>
      </c>
    </row>
    <row r="152" spans="1:8" s="10" customFormat="1" ht="45" customHeight="1" x14ac:dyDescent="0.15">
      <c r="A152" s="15" t="s">
        <v>104</v>
      </c>
      <c r="B152" s="18">
        <v>49</v>
      </c>
      <c r="C152" s="15" t="s">
        <v>253</v>
      </c>
      <c r="D152" s="15" t="s">
        <v>1003</v>
      </c>
      <c r="E152" s="16" t="s">
        <v>1572</v>
      </c>
      <c r="F152" s="15" t="s">
        <v>2358</v>
      </c>
      <c r="G152" s="16" t="s">
        <v>2174</v>
      </c>
      <c r="H152" s="10">
        <v>146</v>
      </c>
    </row>
    <row r="153" spans="1:8" s="10" customFormat="1" ht="45" customHeight="1" x14ac:dyDescent="0.15">
      <c r="A153" s="15" t="s">
        <v>36</v>
      </c>
      <c r="B153" s="18">
        <v>50</v>
      </c>
      <c r="C153" s="15" t="s">
        <v>254</v>
      </c>
      <c r="D153" s="15" t="s">
        <v>974</v>
      </c>
      <c r="E153" s="16" t="s">
        <v>1573</v>
      </c>
      <c r="F153" s="15" t="s">
        <v>2385</v>
      </c>
      <c r="G153" s="16" t="s">
        <v>2176</v>
      </c>
      <c r="H153" s="10">
        <v>147</v>
      </c>
    </row>
    <row r="154" spans="1:8" s="10" customFormat="1" ht="45" customHeight="1" x14ac:dyDescent="0.15">
      <c r="A154" s="15" t="s">
        <v>36</v>
      </c>
      <c r="B154" s="18">
        <v>51</v>
      </c>
      <c r="C154" s="15" t="s">
        <v>255</v>
      </c>
      <c r="D154" s="15" t="s">
        <v>37</v>
      </c>
      <c r="E154" s="16" t="s">
        <v>1574</v>
      </c>
      <c r="F154" s="15" t="s">
        <v>2386</v>
      </c>
      <c r="G154" s="18" t="s">
        <v>2171</v>
      </c>
      <c r="H154" s="10">
        <v>148</v>
      </c>
    </row>
    <row r="155" spans="1:8" s="10" customFormat="1" ht="45" customHeight="1" x14ac:dyDescent="0.15">
      <c r="A155" s="15" t="s">
        <v>36</v>
      </c>
      <c r="B155" s="18">
        <v>52</v>
      </c>
      <c r="C155" s="15" t="s">
        <v>256</v>
      </c>
      <c r="D155" s="15" t="s">
        <v>1004</v>
      </c>
      <c r="E155" s="16" t="s">
        <v>1575</v>
      </c>
      <c r="F155" s="15" t="s">
        <v>2252</v>
      </c>
      <c r="G155" s="16" t="s">
        <v>2176</v>
      </c>
      <c r="H155" s="10">
        <v>149</v>
      </c>
    </row>
    <row r="156" spans="1:8" s="10" customFormat="1" ht="45" customHeight="1" x14ac:dyDescent="0.15">
      <c r="A156" s="15" t="s">
        <v>36</v>
      </c>
      <c r="B156" s="18">
        <v>53</v>
      </c>
      <c r="C156" s="15" t="s">
        <v>257</v>
      </c>
      <c r="D156" s="15" t="s">
        <v>1005</v>
      </c>
      <c r="E156" s="16" t="s">
        <v>1576</v>
      </c>
      <c r="F156" s="15" t="s">
        <v>2378</v>
      </c>
      <c r="G156" s="16" t="s">
        <v>2174</v>
      </c>
      <c r="H156" s="10">
        <v>150</v>
      </c>
    </row>
    <row r="157" spans="1:8" s="10" customFormat="1" ht="45" customHeight="1" x14ac:dyDescent="0.15">
      <c r="A157" s="15" t="s">
        <v>36</v>
      </c>
      <c r="B157" s="18">
        <v>54</v>
      </c>
      <c r="C157" s="15" t="s">
        <v>258</v>
      </c>
      <c r="D157" s="15" t="s">
        <v>974</v>
      </c>
      <c r="E157" s="16" t="s">
        <v>1577</v>
      </c>
      <c r="F157" s="15" t="s">
        <v>2387</v>
      </c>
      <c r="G157" s="16" t="s">
        <v>2171</v>
      </c>
      <c r="H157" s="10">
        <v>151</v>
      </c>
    </row>
    <row r="158" spans="1:8" s="10" customFormat="1" ht="45" customHeight="1" x14ac:dyDescent="0.15">
      <c r="A158" s="15" t="s">
        <v>36</v>
      </c>
      <c r="B158" s="18">
        <v>55</v>
      </c>
      <c r="C158" s="15" t="s">
        <v>259</v>
      </c>
      <c r="D158" s="15" t="s">
        <v>1006</v>
      </c>
      <c r="E158" s="16" t="s">
        <v>1578</v>
      </c>
      <c r="F158" s="15" t="s">
        <v>2388</v>
      </c>
      <c r="G158" s="16" t="s">
        <v>2174</v>
      </c>
      <c r="H158" s="10">
        <v>152</v>
      </c>
    </row>
    <row r="159" spans="1:8" s="10" customFormat="1" ht="45" customHeight="1" x14ac:dyDescent="0.15">
      <c r="A159" s="15" t="s">
        <v>36</v>
      </c>
      <c r="B159" s="18">
        <v>56</v>
      </c>
      <c r="C159" s="15" t="s">
        <v>260</v>
      </c>
      <c r="D159" s="15" t="s">
        <v>985</v>
      </c>
      <c r="E159" s="16" t="s">
        <v>1579</v>
      </c>
      <c r="F159" s="15" t="s">
        <v>2365</v>
      </c>
      <c r="G159" s="16" t="s">
        <v>2174</v>
      </c>
      <c r="H159" s="10">
        <v>153</v>
      </c>
    </row>
    <row r="160" spans="1:8" s="10" customFormat="1" ht="45" customHeight="1" x14ac:dyDescent="0.15">
      <c r="A160" s="15" t="s">
        <v>36</v>
      </c>
      <c r="B160" s="18">
        <v>57</v>
      </c>
      <c r="C160" s="15" t="s">
        <v>261</v>
      </c>
      <c r="D160" s="15" t="s">
        <v>1007</v>
      </c>
      <c r="E160" s="16" t="s">
        <v>1580</v>
      </c>
      <c r="F160" s="15" t="s">
        <v>2389</v>
      </c>
      <c r="G160" s="16" t="s">
        <v>2171</v>
      </c>
      <c r="H160" s="10">
        <v>154</v>
      </c>
    </row>
    <row r="161" spans="1:8" s="10" customFormat="1" ht="45" customHeight="1" x14ac:dyDescent="0.15">
      <c r="A161" s="15" t="s">
        <v>36</v>
      </c>
      <c r="B161" s="18">
        <v>58</v>
      </c>
      <c r="C161" s="15" t="s">
        <v>262</v>
      </c>
      <c r="D161" s="15" t="s">
        <v>1008</v>
      </c>
      <c r="E161" s="16" t="s">
        <v>1581</v>
      </c>
      <c r="F161" s="15" t="s">
        <v>2390</v>
      </c>
      <c r="G161" s="16" t="s">
        <v>2174</v>
      </c>
      <c r="H161" s="10">
        <v>155</v>
      </c>
    </row>
    <row r="162" spans="1:8" s="10" customFormat="1" ht="45" customHeight="1" x14ac:dyDescent="0.15">
      <c r="A162" s="15" t="s">
        <v>36</v>
      </c>
      <c r="B162" s="18">
        <v>59</v>
      </c>
      <c r="C162" s="15" t="s">
        <v>263</v>
      </c>
      <c r="D162" s="15" t="s">
        <v>1009</v>
      </c>
      <c r="E162" s="16" t="s">
        <v>1582</v>
      </c>
      <c r="F162" s="15" t="s">
        <v>2365</v>
      </c>
      <c r="G162" s="16" t="s">
        <v>2173</v>
      </c>
      <c r="H162" s="10">
        <v>156</v>
      </c>
    </row>
    <row r="163" spans="1:8" s="10" customFormat="1" ht="45" customHeight="1" x14ac:dyDescent="0.15">
      <c r="A163" s="15" t="s">
        <v>36</v>
      </c>
      <c r="B163" s="18">
        <v>61</v>
      </c>
      <c r="C163" s="15" t="s">
        <v>264</v>
      </c>
      <c r="D163" s="15" t="s">
        <v>976</v>
      </c>
      <c r="E163" s="16" t="s">
        <v>1583</v>
      </c>
      <c r="F163" s="15" t="s">
        <v>2387</v>
      </c>
      <c r="G163" s="16" t="s">
        <v>2174</v>
      </c>
      <c r="H163" s="10">
        <v>157</v>
      </c>
    </row>
    <row r="164" spans="1:8" s="10" customFormat="1" ht="45" customHeight="1" x14ac:dyDescent="0.15">
      <c r="A164" s="15" t="s">
        <v>36</v>
      </c>
      <c r="B164" s="18">
        <v>62</v>
      </c>
      <c r="C164" s="15" t="s">
        <v>265</v>
      </c>
      <c r="D164" s="15" t="s">
        <v>982</v>
      </c>
      <c r="E164" s="16" t="s">
        <v>1584</v>
      </c>
      <c r="F164" s="15" t="s">
        <v>2391</v>
      </c>
      <c r="G164" s="16" t="s">
        <v>2174</v>
      </c>
      <c r="H164" s="10">
        <v>158</v>
      </c>
    </row>
    <row r="165" spans="1:8" s="10" customFormat="1" ht="45" customHeight="1" x14ac:dyDescent="0.15">
      <c r="A165" s="15" t="s">
        <v>36</v>
      </c>
      <c r="B165" s="18">
        <v>63</v>
      </c>
      <c r="C165" s="15" t="s">
        <v>266</v>
      </c>
      <c r="D165" s="15" t="s">
        <v>1010</v>
      </c>
      <c r="E165" s="16" t="s">
        <v>1585</v>
      </c>
      <c r="F165" s="15" t="s">
        <v>2389</v>
      </c>
      <c r="G165" s="16" t="s">
        <v>2174</v>
      </c>
      <c r="H165" s="10">
        <v>159</v>
      </c>
    </row>
    <row r="166" spans="1:8" s="10" customFormat="1" ht="45" customHeight="1" x14ac:dyDescent="0.15">
      <c r="A166" s="15" t="s">
        <v>36</v>
      </c>
      <c r="B166" s="18">
        <v>64</v>
      </c>
      <c r="C166" s="15" t="s">
        <v>266</v>
      </c>
      <c r="D166" s="15" t="s">
        <v>1011</v>
      </c>
      <c r="E166" s="16" t="s">
        <v>1586</v>
      </c>
      <c r="F166" s="15" t="s">
        <v>2392</v>
      </c>
      <c r="G166" s="16" t="s">
        <v>2174</v>
      </c>
      <c r="H166" s="10">
        <v>160</v>
      </c>
    </row>
    <row r="167" spans="1:8" s="10" customFormat="1" ht="45" customHeight="1" x14ac:dyDescent="0.15">
      <c r="A167" s="15" t="s">
        <v>36</v>
      </c>
      <c r="B167" s="18">
        <v>65</v>
      </c>
      <c r="C167" s="15" t="s">
        <v>267</v>
      </c>
      <c r="D167" s="15" t="s">
        <v>1009</v>
      </c>
      <c r="E167" s="16" t="s">
        <v>1571</v>
      </c>
      <c r="F167" s="15" t="s">
        <v>2246</v>
      </c>
      <c r="G167" s="16" t="s">
        <v>2174</v>
      </c>
      <c r="H167" s="10">
        <v>161</v>
      </c>
    </row>
    <row r="168" spans="1:8" s="10" customFormat="1" ht="45" customHeight="1" x14ac:dyDescent="0.15">
      <c r="A168" s="15" t="s">
        <v>36</v>
      </c>
      <c r="B168" s="18">
        <v>69</v>
      </c>
      <c r="C168" s="15" t="s">
        <v>268</v>
      </c>
      <c r="D168" s="15" t="s">
        <v>1012</v>
      </c>
      <c r="E168" s="16" t="s">
        <v>1587</v>
      </c>
      <c r="F168" s="15" t="s">
        <v>2393</v>
      </c>
      <c r="G168" s="16" t="s">
        <v>2171</v>
      </c>
      <c r="H168" s="10">
        <v>162</v>
      </c>
    </row>
    <row r="169" spans="1:8" s="10" customFormat="1" ht="45" customHeight="1" x14ac:dyDescent="0.15">
      <c r="A169" s="15" t="s">
        <v>36</v>
      </c>
      <c r="B169" s="18">
        <v>70</v>
      </c>
      <c r="C169" s="15" t="s">
        <v>269</v>
      </c>
      <c r="D169" s="15" t="s">
        <v>37</v>
      </c>
      <c r="E169" s="16" t="s">
        <v>1588</v>
      </c>
      <c r="F169" s="15" t="s">
        <v>2394</v>
      </c>
      <c r="G169" s="16" t="s">
        <v>2171</v>
      </c>
      <c r="H169" s="10">
        <v>163</v>
      </c>
    </row>
    <row r="170" spans="1:8" s="10" customFormat="1" ht="45" customHeight="1" x14ac:dyDescent="0.15">
      <c r="A170" s="15" t="s">
        <v>36</v>
      </c>
      <c r="B170" s="18">
        <v>71</v>
      </c>
      <c r="C170" s="15" t="s">
        <v>270</v>
      </c>
      <c r="D170" s="15" t="s">
        <v>37</v>
      </c>
      <c r="E170" s="16" t="s">
        <v>1589</v>
      </c>
      <c r="F170" s="15" t="s">
        <v>2386</v>
      </c>
      <c r="G170" s="16" t="s">
        <v>2171</v>
      </c>
      <c r="H170" s="10">
        <v>164</v>
      </c>
    </row>
    <row r="171" spans="1:8" s="10" customFormat="1" ht="45" customHeight="1" x14ac:dyDescent="0.15">
      <c r="A171" s="15" t="s">
        <v>36</v>
      </c>
      <c r="B171" s="18">
        <v>72</v>
      </c>
      <c r="C171" s="15" t="s">
        <v>271</v>
      </c>
      <c r="D171" s="15" t="s">
        <v>37</v>
      </c>
      <c r="E171" s="16" t="s">
        <v>1590</v>
      </c>
      <c r="F171" s="15" t="s">
        <v>2379</v>
      </c>
      <c r="G171" s="16" t="s">
        <v>2171</v>
      </c>
      <c r="H171" s="10">
        <v>165</v>
      </c>
    </row>
    <row r="172" spans="1:8" s="10" customFormat="1" ht="45" customHeight="1" x14ac:dyDescent="0.15">
      <c r="A172" s="15" t="s">
        <v>105</v>
      </c>
      <c r="B172" s="18">
        <v>76</v>
      </c>
      <c r="C172" s="15" t="s">
        <v>272</v>
      </c>
      <c r="D172" s="15" t="s">
        <v>1013</v>
      </c>
      <c r="E172" s="16" t="s">
        <v>1591</v>
      </c>
      <c r="F172" s="15" t="s">
        <v>2253</v>
      </c>
      <c r="G172" s="16" t="s">
        <v>2171</v>
      </c>
      <c r="H172" s="10">
        <v>166</v>
      </c>
    </row>
    <row r="173" spans="1:8" s="10" customFormat="1" ht="45" customHeight="1" x14ac:dyDescent="0.15">
      <c r="A173" s="15" t="s">
        <v>105</v>
      </c>
      <c r="B173" s="18">
        <v>77</v>
      </c>
      <c r="C173" s="15" t="s">
        <v>273</v>
      </c>
      <c r="D173" s="15" t="s">
        <v>1013</v>
      </c>
      <c r="E173" s="16" t="s">
        <v>1592</v>
      </c>
      <c r="F173" s="15" t="s">
        <v>2379</v>
      </c>
      <c r="G173" s="16" t="s">
        <v>2171</v>
      </c>
      <c r="H173" s="10">
        <v>167</v>
      </c>
    </row>
    <row r="174" spans="1:8" s="10" customFormat="1" ht="45" customHeight="1" x14ac:dyDescent="0.15">
      <c r="A174" s="15" t="s">
        <v>104</v>
      </c>
      <c r="B174" s="18">
        <v>79</v>
      </c>
      <c r="C174" s="15" t="s">
        <v>274</v>
      </c>
      <c r="D174" s="15" t="s">
        <v>1014</v>
      </c>
      <c r="E174" s="16" t="s">
        <v>1593</v>
      </c>
      <c r="F174" s="15" t="s">
        <v>2377</v>
      </c>
      <c r="G174" s="16" t="s">
        <v>2171</v>
      </c>
      <c r="H174" s="10">
        <v>168</v>
      </c>
    </row>
    <row r="175" spans="1:8" s="10" customFormat="1" ht="45" customHeight="1" x14ac:dyDescent="0.15">
      <c r="A175" s="15" t="s">
        <v>104</v>
      </c>
      <c r="B175" s="18">
        <v>80</v>
      </c>
      <c r="C175" s="15" t="s">
        <v>275</v>
      </c>
      <c r="D175" s="15" t="s">
        <v>1015</v>
      </c>
      <c r="E175" s="16" t="s">
        <v>1594</v>
      </c>
      <c r="F175" s="15" t="s">
        <v>2395</v>
      </c>
      <c r="G175" s="15" t="s">
        <v>2173</v>
      </c>
      <c r="H175" s="10">
        <v>169</v>
      </c>
    </row>
    <row r="176" spans="1:8" s="10" customFormat="1" ht="45" customHeight="1" x14ac:dyDescent="0.15">
      <c r="A176" s="15" t="s">
        <v>104</v>
      </c>
      <c r="B176" s="18">
        <v>81</v>
      </c>
      <c r="C176" s="15" t="s">
        <v>276</v>
      </c>
      <c r="D176" s="15" t="s">
        <v>1016</v>
      </c>
      <c r="E176" s="16" t="s">
        <v>1595</v>
      </c>
      <c r="F176" s="15" t="s">
        <v>2254</v>
      </c>
      <c r="G176" s="16" t="s">
        <v>2173</v>
      </c>
      <c r="H176" s="10">
        <v>170</v>
      </c>
    </row>
    <row r="177" spans="1:8" s="10" customFormat="1" ht="45" customHeight="1" x14ac:dyDescent="0.15">
      <c r="A177" s="15" t="s">
        <v>104</v>
      </c>
      <c r="B177" s="18">
        <v>82</v>
      </c>
      <c r="C177" s="15" t="s">
        <v>277</v>
      </c>
      <c r="D177" s="15" t="s">
        <v>985</v>
      </c>
      <c r="E177" s="16" t="s">
        <v>1560</v>
      </c>
      <c r="F177" s="15" t="s">
        <v>2386</v>
      </c>
      <c r="G177" s="16" t="s">
        <v>2171</v>
      </c>
      <c r="H177" s="10">
        <v>171</v>
      </c>
    </row>
    <row r="178" spans="1:8" s="10" customFormat="1" ht="45" customHeight="1" x14ac:dyDescent="0.15">
      <c r="A178" s="15" t="s">
        <v>104</v>
      </c>
      <c r="B178" s="18">
        <v>83</v>
      </c>
      <c r="C178" s="15" t="s">
        <v>2226</v>
      </c>
      <c r="D178" s="15" t="s">
        <v>985</v>
      </c>
      <c r="E178" s="16" t="s">
        <v>1560</v>
      </c>
      <c r="F178" s="15" t="s">
        <v>2357</v>
      </c>
      <c r="G178" s="16" t="s">
        <v>2171</v>
      </c>
      <c r="H178" s="10">
        <v>172</v>
      </c>
    </row>
    <row r="179" spans="1:8" s="10" customFormat="1" ht="45" customHeight="1" x14ac:dyDescent="0.15">
      <c r="A179" s="15" t="s">
        <v>104</v>
      </c>
      <c r="B179" s="18">
        <v>85</v>
      </c>
      <c r="C179" s="15" t="s">
        <v>278</v>
      </c>
      <c r="D179" s="15" t="s">
        <v>985</v>
      </c>
      <c r="E179" s="16" t="s">
        <v>1560</v>
      </c>
      <c r="F179" s="15" t="s">
        <v>2357</v>
      </c>
      <c r="G179" s="16" t="s">
        <v>2171</v>
      </c>
      <c r="H179" s="10">
        <v>173</v>
      </c>
    </row>
    <row r="180" spans="1:8" s="10" customFormat="1" ht="45" customHeight="1" x14ac:dyDescent="0.15">
      <c r="A180" s="15" t="s">
        <v>104</v>
      </c>
      <c r="B180" s="18">
        <v>86</v>
      </c>
      <c r="C180" s="15" t="s">
        <v>279</v>
      </c>
      <c r="D180" s="15" t="s">
        <v>985</v>
      </c>
      <c r="E180" s="16" t="s">
        <v>1560</v>
      </c>
      <c r="F180" s="15" t="s">
        <v>2396</v>
      </c>
      <c r="G180" s="16" t="s">
        <v>2171</v>
      </c>
      <c r="H180" s="10">
        <v>174</v>
      </c>
    </row>
    <row r="181" spans="1:8" s="10" customFormat="1" ht="45" customHeight="1" x14ac:dyDescent="0.15">
      <c r="A181" s="15" t="s">
        <v>104</v>
      </c>
      <c r="B181" s="18">
        <v>87</v>
      </c>
      <c r="C181" s="15" t="s">
        <v>280</v>
      </c>
      <c r="D181" s="15" t="s">
        <v>1017</v>
      </c>
      <c r="E181" s="16" t="s">
        <v>1596</v>
      </c>
      <c r="F181" s="15" t="s">
        <v>2378</v>
      </c>
      <c r="G181" s="16" t="s">
        <v>2171</v>
      </c>
      <c r="H181" s="10">
        <v>175</v>
      </c>
    </row>
    <row r="182" spans="1:8" s="10" customFormat="1" ht="45" customHeight="1" x14ac:dyDescent="0.15">
      <c r="A182" s="15" t="s">
        <v>106</v>
      </c>
      <c r="B182" s="18">
        <v>88</v>
      </c>
      <c r="C182" s="15" t="s">
        <v>281</v>
      </c>
      <c r="D182" s="15" t="s">
        <v>1003</v>
      </c>
      <c r="E182" s="16" t="s">
        <v>1597</v>
      </c>
      <c r="F182" s="15" t="s">
        <v>2377</v>
      </c>
      <c r="G182" s="16" t="s">
        <v>2177</v>
      </c>
      <c r="H182" s="10">
        <v>176</v>
      </c>
    </row>
    <row r="183" spans="1:8" s="10" customFormat="1" ht="45" customHeight="1" x14ac:dyDescent="0.15">
      <c r="A183" s="15" t="s">
        <v>106</v>
      </c>
      <c r="B183" s="18">
        <v>90</v>
      </c>
      <c r="C183" s="15" t="s">
        <v>282</v>
      </c>
      <c r="D183" s="15" t="s">
        <v>984</v>
      </c>
      <c r="E183" s="16" t="s">
        <v>1598</v>
      </c>
      <c r="F183" s="15" t="s">
        <v>2382</v>
      </c>
      <c r="G183" s="16" t="s">
        <v>2174</v>
      </c>
      <c r="H183" s="10">
        <v>177</v>
      </c>
    </row>
    <row r="184" spans="1:8" s="10" customFormat="1" ht="45" customHeight="1" x14ac:dyDescent="0.15">
      <c r="A184" s="15" t="s">
        <v>104</v>
      </c>
      <c r="B184" s="18">
        <v>92</v>
      </c>
      <c r="C184" s="15" t="s">
        <v>283</v>
      </c>
      <c r="D184" s="15" t="s">
        <v>1018</v>
      </c>
      <c r="E184" s="16" t="s">
        <v>1560</v>
      </c>
      <c r="F184" s="15" t="s">
        <v>2397</v>
      </c>
      <c r="G184" s="16" t="s">
        <v>2174</v>
      </c>
      <c r="H184" s="10">
        <v>178</v>
      </c>
    </row>
    <row r="185" spans="1:8" s="10" customFormat="1" ht="45" customHeight="1" x14ac:dyDescent="0.15">
      <c r="A185" s="15" t="s">
        <v>36</v>
      </c>
      <c r="B185" s="18">
        <v>93</v>
      </c>
      <c r="C185" s="15" t="s">
        <v>284</v>
      </c>
      <c r="D185" s="15" t="s">
        <v>1008</v>
      </c>
      <c r="E185" s="16" t="s">
        <v>1599</v>
      </c>
      <c r="F185" s="15" t="s">
        <v>2398</v>
      </c>
      <c r="G185" s="16" t="s">
        <v>2171</v>
      </c>
      <c r="H185" s="10">
        <v>179</v>
      </c>
    </row>
    <row r="186" spans="1:8" s="10" customFormat="1" ht="45" customHeight="1" x14ac:dyDescent="0.15">
      <c r="A186" s="15" t="s">
        <v>36</v>
      </c>
      <c r="B186" s="18">
        <v>94</v>
      </c>
      <c r="C186" s="15" t="s">
        <v>285</v>
      </c>
      <c r="D186" s="15" t="s">
        <v>1008</v>
      </c>
      <c r="E186" s="16" t="s">
        <v>1599</v>
      </c>
      <c r="F186" s="15" t="s">
        <v>2399</v>
      </c>
      <c r="G186" s="16" t="s">
        <v>2171</v>
      </c>
      <c r="H186" s="10">
        <v>180</v>
      </c>
    </row>
    <row r="187" spans="1:8" s="10" customFormat="1" ht="45" customHeight="1" x14ac:dyDescent="0.15">
      <c r="A187" s="15" t="s">
        <v>107</v>
      </c>
      <c r="B187" s="18">
        <v>1</v>
      </c>
      <c r="C187" s="15" t="s">
        <v>286</v>
      </c>
      <c r="D187" s="15" t="s">
        <v>41</v>
      </c>
      <c r="E187" s="16" t="s">
        <v>1600</v>
      </c>
      <c r="F187" s="15" t="s">
        <v>2400</v>
      </c>
      <c r="G187" s="16" t="s">
        <v>2131</v>
      </c>
      <c r="H187" s="10">
        <v>181</v>
      </c>
    </row>
    <row r="188" spans="1:8" s="10" customFormat="1" ht="45" customHeight="1" x14ac:dyDescent="0.15">
      <c r="A188" s="15" t="s">
        <v>107</v>
      </c>
      <c r="B188" s="18">
        <v>2</v>
      </c>
      <c r="C188" s="15" t="s">
        <v>287</v>
      </c>
      <c r="D188" s="15" t="s">
        <v>1019</v>
      </c>
      <c r="E188" s="16" t="s">
        <v>1601</v>
      </c>
      <c r="F188" s="15" t="s">
        <v>2255</v>
      </c>
      <c r="G188" s="16" t="s">
        <v>2131</v>
      </c>
      <c r="H188" s="10">
        <v>182</v>
      </c>
    </row>
    <row r="189" spans="1:8" s="10" customFormat="1" ht="45" customHeight="1" x14ac:dyDescent="0.15">
      <c r="A189" s="15" t="s">
        <v>107</v>
      </c>
      <c r="B189" s="18">
        <v>4</v>
      </c>
      <c r="C189" s="15" t="s">
        <v>288</v>
      </c>
      <c r="D189" s="15" t="s">
        <v>1020</v>
      </c>
      <c r="E189" s="16" t="s">
        <v>1602</v>
      </c>
      <c r="F189" s="15" t="s">
        <v>2401</v>
      </c>
      <c r="G189" s="16" t="s">
        <v>2131</v>
      </c>
      <c r="H189" s="10">
        <v>183</v>
      </c>
    </row>
    <row r="190" spans="1:8" s="10" customFormat="1" ht="45" customHeight="1" x14ac:dyDescent="0.15">
      <c r="A190" s="15" t="s">
        <v>107</v>
      </c>
      <c r="B190" s="18">
        <v>5</v>
      </c>
      <c r="C190" s="15" t="s">
        <v>289</v>
      </c>
      <c r="D190" s="15" t="s">
        <v>1021</v>
      </c>
      <c r="E190" s="16" t="s">
        <v>1603</v>
      </c>
      <c r="F190" s="15" t="s">
        <v>2402</v>
      </c>
      <c r="G190" s="16" t="s">
        <v>2131</v>
      </c>
      <c r="H190" s="10">
        <v>184</v>
      </c>
    </row>
    <row r="191" spans="1:8" s="10" customFormat="1" ht="45" customHeight="1" x14ac:dyDescent="0.15">
      <c r="A191" s="15" t="s">
        <v>107</v>
      </c>
      <c r="B191" s="18">
        <v>8</v>
      </c>
      <c r="C191" s="15" t="s">
        <v>290</v>
      </c>
      <c r="D191" s="15" t="s">
        <v>1022</v>
      </c>
      <c r="E191" s="16" t="s">
        <v>1604</v>
      </c>
      <c r="F191" s="15" t="s">
        <v>2403</v>
      </c>
      <c r="G191" s="16" t="s">
        <v>2131</v>
      </c>
      <c r="H191" s="10">
        <v>185</v>
      </c>
    </row>
    <row r="192" spans="1:8" s="10" customFormat="1" ht="45" customHeight="1" x14ac:dyDescent="0.15">
      <c r="A192" s="15" t="s">
        <v>107</v>
      </c>
      <c r="B192" s="18">
        <v>9</v>
      </c>
      <c r="C192" s="15" t="s">
        <v>291</v>
      </c>
      <c r="D192" s="15" t="s">
        <v>1022</v>
      </c>
      <c r="E192" s="16" t="s">
        <v>1605</v>
      </c>
      <c r="F192" s="15" t="s">
        <v>2404</v>
      </c>
      <c r="G192" s="16" t="s">
        <v>2131</v>
      </c>
      <c r="H192" s="10">
        <v>186</v>
      </c>
    </row>
    <row r="193" spans="1:8" s="10" customFormat="1" ht="45" customHeight="1" x14ac:dyDescent="0.15">
      <c r="A193" s="15" t="s">
        <v>107</v>
      </c>
      <c r="B193" s="18">
        <v>11</v>
      </c>
      <c r="C193" s="15" t="s">
        <v>292</v>
      </c>
      <c r="D193" s="15" t="s">
        <v>1023</v>
      </c>
      <c r="E193" s="16" t="s">
        <v>1606</v>
      </c>
      <c r="F193" s="15" t="s">
        <v>2405</v>
      </c>
      <c r="G193" s="16" t="s">
        <v>2174</v>
      </c>
      <c r="H193" s="10">
        <v>187</v>
      </c>
    </row>
    <row r="194" spans="1:8" s="10" customFormat="1" ht="45" customHeight="1" x14ac:dyDescent="0.15">
      <c r="A194" s="15" t="s">
        <v>107</v>
      </c>
      <c r="B194" s="18">
        <v>12</v>
      </c>
      <c r="C194" s="15" t="s">
        <v>293</v>
      </c>
      <c r="D194" s="15" t="s">
        <v>1024</v>
      </c>
      <c r="E194" s="16" t="s">
        <v>1607</v>
      </c>
      <c r="F194" s="15" t="s">
        <v>2406</v>
      </c>
      <c r="G194" s="16" t="s">
        <v>2131</v>
      </c>
      <c r="H194" s="10">
        <v>188</v>
      </c>
    </row>
    <row r="195" spans="1:8" s="10" customFormat="1" ht="45" customHeight="1" x14ac:dyDescent="0.15">
      <c r="A195" s="15" t="s">
        <v>107</v>
      </c>
      <c r="B195" s="18">
        <v>13</v>
      </c>
      <c r="C195" s="15" t="s">
        <v>294</v>
      </c>
      <c r="D195" s="15" t="s">
        <v>1024</v>
      </c>
      <c r="E195" s="16" t="s">
        <v>1608</v>
      </c>
      <c r="F195" s="15" t="s">
        <v>2256</v>
      </c>
      <c r="G195" s="16" t="s">
        <v>2131</v>
      </c>
      <c r="H195" s="10">
        <v>189</v>
      </c>
    </row>
    <row r="196" spans="1:8" s="10" customFormat="1" ht="45" customHeight="1" x14ac:dyDescent="0.15">
      <c r="A196" s="15" t="s">
        <v>107</v>
      </c>
      <c r="B196" s="18">
        <v>15</v>
      </c>
      <c r="C196" s="15" t="s">
        <v>295</v>
      </c>
      <c r="D196" s="15" t="s">
        <v>1025</v>
      </c>
      <c r="E196" s="16" t="s">
        <v>1609</v>
      </c>
      <c r="F196" s="15" t="s">
        <v>2407</v>
      </c>
      <c r="G196" s="16" t="s">
        <v>2131</v>
      </c>
      <c r="H196" s="10">
        <v>190</v>
      </c>
    </row>
    <row r="197" spans="1:8" s="10" customFormat="1" ht="45" customHeight="1" x14ac:dyDescent="0.15">
      <c r="A197" s="15" t="s">
        <v>107</v>
      </c>
      <c r="B197" s="18">
        <v>16</v>
      </c>
      <c r="C197" s="15" t="s">
        <v>296</v>
      </c>
      <c r="D197" s="15" t="s">
        <v>1026</v>
      </c>
      <c r="E197" s="16" t="s">
        <v>1610</v>
      </c>
      <c r="F197" s="15" t="s">
        <v>2408</v>
      </c>
      <c r="G197" s="16" t="s">
        <v>2178</v>
      </c>
      <c r="H197" s="10">
        <v>191</v>
      </c>
    </row>
    <row r="198" spans="1:8" s="10" customFormat="1" ht="45" customHeight="1" x14ac:dyDescent="0.15">
      <c r="A198" s="15" t="s">
        <v>107</v>
      </c>
      <c r="B198" s="18">
        <v>19</v>
      </c>
      <c r="C198" s="15" t="s">
        <v>297</v>
      </c>
      <c r="D198" s="15" t="s">
        <v>1006</v>
      </c>
      <c r="E198" s="16" t="s">
        <v>1611</v>
      </c>
      <c r="F198" s="15" t="s">
        <v>2409</v>
      </c>
      <c r="G198" s="16" t="s">
        <v>2174</v>
      </c>
      <c r="H198" s="10">
        <v>192</v>
      </c>
    </row>
    <row r="199" spans="1:8" s="10" customFormat="1" ht="45" customHeight="1" x14ac:dyDescent="0.15">
      <c r="A199" s="15" t="s">
        <v>107</v>
      </c>
      <c r="B199" s="18">
        <v>20</v>
      </c>
      <c r="C199" s="15" t="s">
        <v>297</v>
      </c>
      <c r="D199" s="15" t="s">
        <v>1027</v>
      </c>
      <c r="E199" s="16" t="s">
        <v>1612</v>
      </c>
      <c r="F199" s="15" t="s">
        <v>2407</v>
      </c>
      <c r="G199" s="16" t="s">
        <v>2174</v>
      </c>
      <c r="H199" s="10">
        <v>193</v>
      </c>
    </row>
    <row r="200" spans="1:8" s="10" customFormat="1" ht="45" customHeight="1" x14ac:dyDescent="0.15">
      <c r="A200" s="15" t="s">
        <v>107</v>
      </c>
      <c r="B200" s="18">
        <v>21</v>
      </c>
      <c r="C200" s="15" t="s">
        <v>297</v>
      </c>
      <c r="D200" s="15" t="s">
        <v>1028</v>
      </c>
      <c r="E200" s="16" t="s">
        <v>1613</v>
      </c>
      <c r="F200" s="15" t="s">
        <v>2410</v>
      </c>
      <c r="G200" s="16" t="s">
        <v>2174</v>
      </c>
      <c r="H200" s="10">
        <v>194</v>
      </c>
    </row>
    <row r="201" spans="1:8" s="10" customFormat="1" ht="45" customHeight="1" x14ac:dyDescent="0.15">
      <c r="A201" s="15" t="s">
        <v>107</v>
      </c>
      <c r="B201" s="18">
        <v>22</v>
      </c>
      <c r="C201" s="15" t="s">
        <v>297</v>
      </c>
      <c r="D201" s="15" t="s">
        <v>1020</v>
      </c>
      <c r="E201" s="16" t="s">
        <v>1614</v>
      </c>
      <c r="F201" s="15" t="s">
        <v>2411</v>
      </c>
      <c r="G201" s="16" t="s">
        <v>2174</v>
      </c>
      <c r="H201" s="10">
        <v>195</v>
      </c>
    </row>
    <row r="202" spans="1:8" s="10" customFormat="1" ht="45" customHeight="1" x14ac:dyDescent="0.15">
      <c r="A202" s="15" t="s">
        <v>107</v>
      </c>
      <c r="B202" s="18">
        <v>23</v>
      </c>
      <c r="C202" s="15" t="s">
        <v>297</v>
      </c>
      <c r="D202" s="15" t="s">
        <v>1029</v>
      </c>
      <c r="E202" s="16" t="s">
        <v>1615</v>
      </c>
      <c r="F202" s="15" t="s">
        <v>2412</v>
      </c>
      <c r="G202" s="16" t="s">
        <v>2174</v>
      </c>
      <c r="H202" s="10">
        <v>196</v>
      </c>
    </row>
    <row r="203" spans="1:8" s="10" customFormat="1" ht="45" customHeight="1" x14ac:dyDescent="0.15">
      <c r="A203" s="15" t="s">
        <v>107</v>
      </c>
      <c r="B203" s="18">
        <v>24</v>
      </c>
      <c r="C203" s="15" t="s">
        <v>297</v>
      </c>
      <c r="D203" s="15" t="s">
        <v>1028</v>
      </c>
      <c r="E203" s="16" t="s">
        <v>1616</v>
      </c>
      <c r="F203" s="15" t="s">
        <v>2413</v>
      </c>
      <c r="G203" s="16" t="s">
        <v>2174</v>
      </c>
      <c r="H203" s="10">
        <v>197</v>
      </c>
    </row>
    <row r="204" spans="1:8" s="10" customFormat="1" ht="45" customHeight="1" x14ac:dyDescent="0.15">
      <c r="A204" s="15" t="s">
        <v>107</v>
      </c>
      <c r="B204" s="18">
        <v>25</v>
      </c>
      <c r="C204" s="15" t="s">
        <v>297</v>
      </c>
      <c r="D204" s="15" t="s">
        <v>1030</v>
      </c>
      <c r="E204" s="16" t="s">
        <v>1617</v>
      </c>
      <c r="F204" s="15" t="s">
        <v>2414</v>
      </c>
      <c r="G204" s="16" t="s">
        <v>2174</v>
      </c>
      <c r="H204" s="10">
        <v>198</v>
      </c>
    </row>
    <row r="205" spans="1:8" s="10" customFormat="1" ht="45" customHeight="1" x14ac:dyDescent="0.15">
      <c r="A205" s="15" t="s">
        <v>107</v>
      </c>
      <c r="B205" s="18">
        <v>26</v>
      </c>
      <c r="C205" s="15" t="s">
        <v>297</v>
      </c>
      <c r="D205" s="15" t="s">
        <v>1031</v>
      </c>
      <c r="E205" s="16" t="s">
        <v>1618</v>
      </c>
      <c r="F205" s="15" t="s">
        <v>2415</v>
      </c>
      <c r="G205" s="16" t="s">
        <v>2174</v>
      </c>
      <c r="H205" s="10">
        <v>199</v>
      </c>
    </row>
    <row r="206" spans="1:8" s="10" customFormat="1" ht="45" customHeight="1" x14ac:dyDescent="0.15">
      <c r="A206" s="15" t="s">
        <v>107</v>
      </c>
      <c r="B206" s="18">
        <v>27</v>
      </c>
      <c r="C206" s="15" t="s">
        <v>297</v>
      </c>
      <c r="D206" s="15" t="s">
        <v>1032</v>
      </c>
      <c r="E206" s="16" t="s">
        <v>1619</v>
      </c>
      <c r="F206" s="15" t="s">
        <v>2416</v>
      </c>
      <c r="G206" s="16" t="s">
        <v>2174</v>
      </c>
      <c r="H206" s="10">
        <v>200</v>
      </c>
    </row>
    <row r="207" spans="1:8" s="10" customFormat="1" ht="45" customHeight="1" x14ac:dyDescent="0.15">
      <c r="A207" s="15" t="s">
        <v>107</v>
      </c>
      <c r="B207" s="18">
        <v>28</v>
      </c>
      <c r="C207" s="15" t="s">
        <v>297</v>
      </c>
      <c r="D207" s="15" t="s">
        <v>1032</v>
      </c>
      <c r="E207" s="16" t="s">
        <v>1620</v>
      </c>
      <c r="F207" s="15" t="s">
        <v>2417</v>
      </c>
      <c r="G207" s="16" t="s">
        <v>2174</v>
      </c>
      <c r="H207" s="10">
        <v>201</v>
      </c>
    </row>
    <row r="208" spans="1:8" s="10" customFormat="1" ht="45" customHeight="1" x14ac:dyDescent="0.15">
      <c r="A208" s="15" t="s">
        <v>107</v>
      </c>
      <c r="B208" s="18">
        <v>30</v>
      </c>
      <c r="C208" s="15" t="s">
        <v>298</v>
      </c>
      <c r="D208" s="15" t="s">
        <v>1033</v>
      </c>
      <c r="E208" s="16" t="s">
        <v>1621</v>
      </c>
      <c r="F208" s="15" t="s">
        <v>2418</v>
      </c>
      <c r="G208" s="16" t="s">
        <v>2174</v>
      </c>
      <c r="H208" s="10">
        <v>202</v>
      </c>
    </row>
    <row r="209" spans="1:8" s="10" customFormat="1" ht="45" customHeight="1" x14ac:dyDescent="0.15">
      <c r="A209" s="15" t="s">
        <v>107</v>
      </c>
      <c r="B209" s="18">
        <v>31</v>
      </c>
      <c r="C209" s="15" t="s">
        <v>299</v>
      </c>
      <c r="D209" s="15" t="s">
        <v>1034</v>
      </c>
      <c r="E209" s="16" t="s">
        <v>1622</v>
      </c>
      <c r="F209" s="15" t="s">
        <v>2419</v>
      </c>
      <c r="G209" s="16" t="s">
        <v>2135</v>
      </c>
      <c r="H209" s="10">
        <v>203</v>
      </c>
    </row>
    <row r="210" spans="1:8" s="10" customFormat="1" ht="45" customHeight="1" x14ac:dyDescent="0.15">
      <c r="A210" s="15" t="s">
        <v>107</v>
      </c>
      <c r="B210" s="18">
        <v>33</v>
      </c>
      <c r="C210" s="15" t="s">
        <v>300</v>
      </c>
      <c r="D210" s="15" t="s">
        <v>1035</v>
      </c>
      <c r="E210" s="16" t="s">
        <v>1623</v>
      </c>
      <c r="F210" s="15" t="s">
        <v>2420</v>
      </c>
      <c r="G210" s="16" t="s">
        <v>2131</v>
      </c>
      <c r="H210" s="10">
        <v>204</v>
      </c>
    </row>
    <row r="211" spans="1:8" s="10" customFormat="1" ht="45" customHeight="1" x14ac:dyDescent="0.15">
      <c r="A211" s="15" t="s">
        <v>107</v>
      </c>
      <c r="B211" s="18">
        <v>34</v>
      </c>
      <c r="C211" s="15" t="s">
        <v>301</v>
      </c>
      <c r="D211" s="15" t="s">
        <v>38</v>
      </c>
      <c r="E211" s="16" t="s">
        <v>1600</v>
      </c>
      <c r="F211" s="15" t="s">
        <v>2421</v>
      </c>
      <c r="G211" s="16" t="s">
        <v>2131</v>
      </c>
      <c r="H211" s="10">
        <v>205</v>
      </c>
    </row>
    <row r="212" spans="1:8" s="10" customFormat="1" ht="45" customHeight="1" x14ac:dyDescent="0.15">
      <c r="A212" s="15" t="s">
        <v>107</v>
      </c>
      <c r="B212" s="18">
        <v>35</v>
      </c>
      <c r="C212" s="15" t="s">
        <v>302</v>
      </c>
      <c r="D212" s="15" t="s">
        <v>1022</v>
      </c>
      <c r="E212" s="16" t="s">
        <v>1605</v>
      </c>
      <c r="F212" s="15" t="s">
        <v>2405</v>
      </c>
      <c r="G212" s="16" t="s">
        <v>2131</v>
      </c>
      <c r="H212" s="10">
        <v>206</v>
      </c>
    </row>
    <row r="213" spans="1:8" s="10" customFormat="1" ht="45" customHeight="1" x14ac:dyDescent="0.15">
      <c r="A213" s="15" t="s">
        <v>107</v>
      </c>
      <c r="B213" s="18">
        <v>36</v>
      </c>
      <c r="C213" s="15" t="s">
        <v>303</v>
      </c>
      <c r="D213" s="15" t="s">
        <v>1036</v>
      </c>
      <c r="E213" s="16" t="s">
        <v>24</v>
      </c>
      <c r="F213" s="15" t="s">
        <v>2422</v>
      </c>
      <c r="G213" s="16" t="s">
        <v>2131</v>
      </c>
      <c r="H213" s="10">
        <v>207</v>
      </c>
    </row>
    <row r="214" spans="1:8" s="10" customFormat="1" ht="45" customHeight="1" x14ac:dyDescent="0.15">
      <c r="A214" s="15" t="s">
        <v>107</v>
      </c>
      <c r="B214" s="17">
        <v>37</v>
      </c>
      <c r="C214" s="15" t="s">
        <v>304</v>
      </c>
      <c r="D214" s="16" t="s">
        <v>1037</v>
      </c>
      <c r="E214" s="16" t="s">
        <v>1624</v>
      </c>
      <c r="F214" s="16" t="s">
        <v>2423</v>
      </c>
      <c r="G214" s="15" t="s">
        <v>2131</v>
      </c>
      <c r="H214" s="10">
        <v>208</v>
      </c>
    </row>
    <row r="215" spans="1:8" s="10" customFormat="1" ht="45" customHeight="1" x14ac:dyDescent="0.15">
      <c r="A215" s="15" t="s">
        <v>107</v>
      </c>
      <c r="B215" s="17">
        <v>39</v>
      </c>
      <c r="C215" s="15" t="s">
        <v>305</v>
      </c>
      <c r="D215" s="16" t="s">
        <v>1038</v>
      </c>
      <c r="E215" s="16" t="s">
        <v>1625</v>
      </c>
      <c r="F215" s="16" t="s">
        <v>2424</v>
      </c>
      <c r="G215" s="15" t="s">
        <v>2179</v>
      </c>
      <c r="H215" s="10">
        <v>209</v>
      </c>
    </row>
    <row r="216" spans="1:8" s="10" customFormat="1" ht="45" customHeight="1" x14ac:dyDescent="0.15">
      <c r="A216" s="15" t="s">
        <v>107</v>
      </c>
      <c r="B216" s="17">
        <v>41</v>
      </c>
      <c r="C216" s="15" t="s">
        <v>306</v>
      </c>
      <c r="D216" s="16" t="s">
        <v>1011</v>
      </c>
      <c r="E216" s="16" t="s">
        <v>1626</v>
      </c>
      <c r="F216" s="16" t="s">
        <v>2403</v>
      </c>
      <c r="G216" s="15" t="s">
        <v>2135</v>
      </c>
      <c r="H216" s="10">
        <v>210</v>
      </c>
    </row>
    <row r="217" spans="1:8" s="10" customFormat="1" ht="45" customHeight="1" x14ac:dyDescent="0.15">
      <c r="A217" s="15" t="s">
        <v>107</v>
      </c>
      <c r="B217" s="17">
        <v>42</v>
      </c>
      <c r="C217" s="15" t="s">
        <v>307</v>
      </c>
      <c r="D217" s="16" t="s">
        <v>1006</v>
      </c>
      <c r="E217" s="16" t="s">
        <v>1627</v>
      </c>
      <c r="F217" s="16" t="s">
        <v>2257</v>
      </c>
      <c r="G217" s="15" t="s">
        <v>2180</v>
      </c>
      <c r="H217" s="10">
        <v>211</v>
      </c>
    </row>
    <row r="218" spans="1:8" s="10" customFormat="1" ht="45" customHeight="1" x14ac:dyDescent="0.15">
      <c r="A218" s="15" t="s">
        <v>107</v>
      </c>
      <c r="B218" s="17">
        <v>43</v>
      </c>
      <c r="C218" s="15" t="s">
        <v>308</v>
      </c>
      <c r="D218" s="16" t="s">
        <v>38</v>
      </c>
      <c r="E218" s="16" t="s">
        <v>39</v>
      </c>
      <c r="F218" s="16" t="s">
        <v>2409</v>
      </c>
      <c r="G218" s="15" t="s">
        <v>2131</v>
      </c>
      <c r="H218" s="10">
        <v>212</v>
      </c>
    </row>
    <row r="219" spans="1:8" s="10" customFormat="1" ht="45" customHeight="1" x14ac:dyDescent="0.15">
      <c r="A219" s="15" t="s">
        <v>107</v>
      </c>
      <c r="B219" s="17">
        <v>44</v>
      </c>
      <c r="C219" s="15" t="s">
        <v>309</v>
      </c>
      <c r="D219" s="16" t="s">
        <v>1039</v>
      </c>
      <c r="E219" s="16" t="s">
        <v>1628</v>
      </c>
      <c r="F219" s="16" t="s">
        <v>2425</v>
      </c>
      <c r="G219" s="15" t="s">
        <v>2131</v>
      </c>
      <c r="H219" s="10">
        <v>213</v>
      </c>
    </row>
    <row r="220" spans="1:8" s="10" customFormat="1" ht="45" customHeight="1" x14ac:dyDescent="0.15">
      <c r="A220" s="15" t="s">
        <v>107</v>
      </c>
      <c r="B220" s="17">
        <v>45</v>
      </c>
      <c r="C220" s="15" t="s">
        <v>310</v>
      </c>
      <c r="D220" s="16" t="s">
        <v>1040</v>
      </c>
      <c r="E220" s="16" t="s">
        <v>1629</v>
      </c>
      <c r="F220" s="16" t="s">
        <v>2426</v>
      </c>
      <c r="G220" s="15" t="s">
        <v>2131</v>
      </c>
      <c r="H220" s="10">
        <v>214</v>
      </c>
    </row>
    <row r="221" spans="1:8" s="10" customFormat="1" ht="45" customHeight="1" x14ac:dyDescent="0.15">
      <c r="A221" s="15" t="s">
        <v>107</v>
      </c>
      <c r="B221" s="17">
        <v>47</v>
      </c>
      <c r="C221" s="15" t="s">
        <v>311</v>
      </c>
      <c r="D221" s="16" t="s">
        <v>1041</v>
      </c>
      <c r="E221" s="16" t="s">
        <v>1630</v>
      </c>
      <c r="F221" s="16" t="s">
        <v>2258</v>
      </c>
      <c r="G221" s="16" t="s">
        <v>2174</v>
      </c>
      <c r="H221" s="10">
        <v>215</v>
      </c>
    </row>
    <row r="222" spans="1:8" s="10" customFormat="1" ht="45" customHeight="1" x14ac:dyDescent="0.15">
      <c r="A222" s="15" t="s">
        <v>107</v>
      </c>
      <c r="B222" s="17">
        <v>48</v>
      </c>
      <c r="C222" s="15" t="s">
        <v>312</v>
      </c>
      <c r="D222" s="16" t="s">
        <v>1042</v>
      </c>
      <c r="E222" s="16" t="s">
        <v>1631</v>
      </c>
      <c r="F222" s="16" t="s">
        <v>2427</v>
      </c>
      <c r="G222" s="16" t="s">
        <v>2131</v>
      </c>
      <c r="H222" s="10">
        <v>216</v>
      </c>
    </row>
    <row r="223" spans="1:8" s="10" customFormat="1" ht="45" customHeight="1" x14ac:dyDescent="0.15">
      <c r="A223" s="15" t="s">
        <v>107</v>
      </c>
      <c r="B223" s="17">
        <v>49</v>
      </c>
      <c r="C223" s="15" t="s">
        <v>313</v>
      </c>
      <c r="D223" s="16" t="s">
        <v>1031</v>
      </c>
      <c r="E223" s="16" t="s">
        <v>1632</v>
      </c>
      <c r="F223" s="16" t="s">
        <v>2428</v>
      </c>
      <c r="G223" s="15" t="s">
        <v>2174</v>
      </c>
      <c r="H223" s="10">
        <v>217</v>
      </c>
    </row>
    <row r="224" spans="1:8" s="10" customFormat="1" ht="45" customHeight="1" x14ac:dyDescent="0.15">
      <c r="A224" s="15" t="s">
        <v>107</v>
      </c>
      <c r="B224" s="17">
        <v>50</v>
      </c>
      <c r="C224" s="15" t="s">
        <v>314</v>
      </c>
      <c r="D224" s="16" t="s">
        <v>1034</v>
      </c>
      <c r="E224" s="16" t="s">
        <v>1633</v>
      </c>
      <c r="F224" s="16" t="s">
        <v>2324</v>
      </c>
      <c r="G224" s="15" t="s">
        <v>2181</v>
      </c>
      <c r="H224" s="10">
        <v>218</v>
      </c>
    </row>
    <row r="225" spans="1:8" s="10" customFormat="1" ht="45" customHeight="1" x14ac:dyDescent="0.15">
      <c r="A225" s="15" t="s">
        <v>107</v>
      </c>
      <c r="B225" s="17">
        <v>51</v>
      </c>
      <c r="C225" s="15" t="s">
        <v>315</v>
      </c>
      <c r="D225" s="16" t="s">
        <v>1043</v>
      </c>
      <c r="E225" s="16" t="s">
        <v>1634</v>
      </c>
      <c r="F225" s="16" t="s">
        <v>2346</v>
      </c>
      <c r="G225" s="15" t="s">
        <v>2182</v>
      </c>
      <c r="H225" s="10">
        <v>219</v>
      </c>
    </row>
    <row r="226" spans="1:8" s="10" customFormat="1" ht="45" customHeight="1" x14ac:dyDescent="0.15">
      <c r="A226" s="15" t="s">
        <v>107</v>
      </c>
      <c r="B226" s="17">
        <v>52</v>
      </c>
      <c r="C226" s="15" t="s">
        <v>316</v>
      </c>
      <c r="D226" s="16" t="s">
        <v>1044</v>
      </c>
      <c r="E226" s="16" t="s">
        <v>1635</v>
      </c>
      <c r="F226" s="16" t="s">
        <v>2429</v>
      </c>
      <c r="G226" s="15" t="s">
        <v>2183</v>
      </c>
      <c r="H226" s="10">
        <v>220</v>
      </c>
    </row>
    <row r="227" spans="1:8" s="10" customFormat="1" ht="45" customHeight="1" x14ac:dyDescent="0.15">
      <c r="A227" s="15" t="s">
        <v>107</v>
      </c>
      <c r="B227" s="17">
        <v>53</v>
      </c>
      <c r="C227" s="15" t="s">
        <v>317</v>
      </c>
      <c r="D227" s="16" t="s">
        <v>1045</v>
      </c>
      <c r="E227" s="16" t="s">
        <v>1636</v>
      </c>
      <c r="F227" s="16" t="s">
        <v>2430</v>
      </c>
      <c r="G227" s="15" t="s">
        <v>2131</v>
      </c>
      <c r="H227" s="10">
        <v>221</v>
      </c>
    </row>
    <row r="228" spans="1:8" s="10" customFormat="1" ht="45" customHeight="1" x14ac:dyDescent="0.15">
      <c r="A228" s="15" t="s">
        <v>107</v>
      </c>
      <c r="B228" s="17">
        <v>54</v>
      </c>
      <c r="C228" s="15" t="s">
        <v>266</v>
      </c>
      <c r="D228" s="16" t="s">
        <v>1046</v>
      </c>
      <c r="E228" s="16" t="s">
        <v>1637</v>
      </c>
      <c r="F228" s="16" t="s">
        <v>2431</v>
      </c>
      <c r="G228" s="15" t="s">
        <v>2174</v>
      </c>
      <c r="H228" s="10">
        <v>222</v>
      </c>
    </row>
    <row r="229" spans="1:8" s="10" customFormat="1" ht="45" customHeight="1" x14ac:dyDescent="0.15">
      <c r="A229" s="15" t="s">
        <v>107</v>
      </c>
      <c r="B229" s="17">
        <v>55</v>
      </c>
      <c r="C229" s="15" t="s">
        <v>266</v>
      </c>
      <c r="D229" s="16" t="s">
        <v>1047</v>
      </c>
      <c r="E229" s="16" t="s">
        <v>1638</v>
      </c>
      <c r="F229" s="16" t="s">
        <v>2401</v>
      </c>
      <c r="G229" s="15" t="s">
        <v>2174</v>
      </c>
      <c r="H229" s="10">
        <v>223</v>
      </c>
    </row>
    <row r="230" spans="1:8" s="10" customFormat="1" ht="45" customHeight="1" x14ac:dyDescent="0.15">
      <c r="A230" s="15" t="s">
        <v>107</v>
      </c>
      <c r="B230" s="17">
        <v>56</v>
      </c>
      <c r="C230" s="15" t="s">
        <v>266</v>
      </c>
      <c r="D230" s="16" t="s">
        <v>1034</v>
      </c>
      <c r="E230" s="16" t="s">
        <v>1639</v>
      </c>
      <c r="F230" s="16" t="s">
        <v>2432</v>
      </c>
      <c r="G230" s="15" t="s">
        <v>2174</v>
      </c>
      <c r="H230" s="10">
        <v>224</v>
      </c>
    </row>
    <row r="231" spans="1:8" s="10" customFormat="1" ht="45" customHeight="1" x14ac:dyDescent="0.15">
      <c r="A231" s="15" t="s">
        <v>107</v>
      </c>
      <c r="B231" s="17">
        <v>57</v>
      </c>
      <c r="C231" s="15" t="s">
        <v>266</v>
      </c>
      <c r="D231" s="16" t="s">
        <v>1028</v>
      </c>
      <c r="E231" s="16" t="s">
        <v>1640</v>
      </c>
      <c r="F231" s="16" t="s">
        <v>2402</v>
      </c>
      <c r="G231" s="15" t="s">
        <v>2174</v>
      </c>
      <c r="H231" s="10">
        <v>225</v>
      </c>
    </row>
    <row r="232" spans="1:8" s="10" customFormat="1" ht="45" customHeight="1" x14ac:dyDescent="0.15">
      <c r="A232" s="15" t="s">
        <v>107</v>
      </c>
      <c r="B232" s="17">
        <v>58</v>
      </c>
      <c r="C232" s="15" t="s">
        <v>318</v>
      </c>
      <c r="D232" s="16" t="s">
        <v>1048</v>
      </c>
      <c r="E232" s="16" t="s">
        <v>1641</v>
      </c>
      <c r="F232" s="16" t="s">
        <v>2258</v>
      </c>
      <c r="G232" s="15" t="s">
        <v>2182</v>
      </c>
      <c r="H232" s="10">
        <v>226</v>
      </c>
    </row>
    <row r="233" spans="1:8" s="10" customFormat="1" ht="45" customHeight="1" x14ac:dyDescent="0.15">
      <c r="A233" s="15" t="s">
        <v>107</v>
      </c>
      <c r="B233" s="17">
        <v>59</v>
      </c>
      <c r="C233" s="15" t="s">
        <v>266</v>
      </c>
      <c r="D233" s="16" t="s">
        <v>1049</v>
      </c>
      <c r="E233" s="16" t="s">
        <v>1642</v>
      </c>
      <c r="F233" s="16" t="s">
        <v>2255</v>
      </c>
      <c r="G233" s="15" t="s">
        <v>2174</v>
      </c>
      <c r="H233" s="10">
        <v>227</v>
      </c>
    </row>
    <row r="234" spans="1:8" s="10" customFormat="1" ht="45" customHeight="1" x14ac:dyDescent="0.15">
      <c r="A234" s="15" t="s">
        <v>107</v>
      </c>
      <c r="B234" s="17">
        <v>60</v>
      </c>
      <c r="C234" s="15" t="s">
        <v>266</v>
      </c>
      <c r="D234" s="16" t="s">
        <v>1030</v>
      </c>
      <c r="E234" s="16" t="s">
        <v>1643</v>
      </c>
      <c r="F234" s="16" t="s">
        <v>2433</v>
      </c>
      <c r="G234" s="15" t="s">
        <v>2174</v>
      </c>
      <c r="H234" s="10">
        <v>228</v>
      </c>
    </row>
    <row r="235" spans="1:8" s="10" customFormat="1" ht="45" customHeight="1" x14ac:dyDescent="0.15">
      <c r="A235" s="15" t="s">
        <v>107</v>
      </c>
      <c r="B235" s="17">
        <v>61</v>
      </c>
      <c r="C235" s="15" t="s">
        <v>266</v>
      </c>
      <c r="D235" s="16" t="s">
        <v>1047</v>
      </c>
      <c r="E235" s="16" t="s">
        <v>1644</v>
      </c>
      <c r="F235" s="16" t="s">
        <v>2420</v>
      </c>
      <c r="G235" s="15" t="s">
        <v>2174</v>
      </c>
      <c r="H235" s="10">
        <v>229</v>
      </c>
    </row>
    <row r="236" spans="1:8" s="10" customFormat="1" ht="45" customHeight="1" x14ac:dyDescent="0.15">
      <c r="A236" s="15" t="s">
        <v>107</v>
      </c>
      <c r="B236" s="17">
        <v>62</v>
      </c>
      <c r="C236" s="15" t="s">
        <v>319</v>
      </c>
      <c r="D236" s="16" t="s">
        <v>1050</v>
      </c>
      <c r="E236" s="16" t="s">
        <v>1645</v>
      </c>
      <c r="F236" s="16" t="s">
        <v>2430</v>
      </c>
      <c r="G236" s="15" t="s">
        <v>2174</v>
      </c>
      <c r="H236" s="10">
        <v>230</v>
      </c>
    </row>
    <row r="237" spans="1:8" s="10" customFormat="1" ht="45" customHeight="1" x14ac:dyDescent="0.15">
      <c r="A237" s="15" t="s">
        <v>107</v>
      </c>
      <c r="B237" s="17">
        <v>65</v>
      </c>
      <c r="C237" s="15" t="s">
        <v>320</v>
      </c>
      <c r="D237" s="16" t="s">
        <v>1051</v>
      </c>
      <c r="E237" s="16" t="s">
        <v>1646</v>
      </c>
      <c r="F237" s="16" t="s">
        <v>2324</v>
      </c>
      <c r="G237" s="15" t="s">
        <v>2181</v>
      </c>
      <c r="H237" s="10">
        <v>231</v>
      </c>
    </row>
    <row r="238" spans="1:8" s="10" customFormat="1" ht="45" customHeight="1" x14ac:dyDescent="0.15">
      <c r="A238" s="15" t="s">
        <v>107</v>
      </c>
      <c r="B238" s="17">
        <v>66</v>
      </c>
      <c r="C238" s="15" t="s">
        <v>321</v>
      </c>
      <c r="D238" s="16" t="s">
        <v>1052</v>
      </c>
      <c r="E238" s="16" t="s">
        <v>1647</v>
      </c>
      <c r="F238" s="16" t="s">
        <v>2259</v>
      </c>
      <c r="G238" s="15" t="s">
        <v>2174</v>
      </c>
      <c r="H238" s="10">
        <v>232</v>
      </c>
    </row>
    <row r="239" spans="1:8" s="10" customFormat="1" ht="45" customHeight="1" x14ac:dyDescent="0.15">
      <c r="A239" s="15" t="s">
        <v>107</v>
      </c>
      <c r="B239" s="17">
        <v>67</v>
      </c>
      <c r="C239" s="15" t="s">
        <v>322</v>
      </c>
      <c r="D239" s="16" t="s">
        <v>1053</v>
      </c>
      <c r="E239" s="16" t="s">
        <v>1648</v>
      </c>
      <c r="F239" s="16" t="s">
        <v>2418</v>
      </c>
      <c r="G239" s="15" t="s">
        <v>2174</v>
      </c>
      <c r="H239" s="10">
        <v>233</v>
      </c>
    </row>
    <row r="240" spans="1:8" s="10" customFormat="1" ht="45" customHeight="1" x14ac:dyDescent="0.15">
      <c r="A240" s="15" t="s">
        <v>107</v>
      </c>
      <c r="B240" s="17">
        <v>68</v>
      </c>
      <c r="C240" s="15" t="s">
        <v>322</v>
      </c>
      <c r="D240" s="16" t="s">
        <v>1054</v>
      </c>
      <c r="E240" s="16" t="s">
        <v>1649</v>
      </c>
      <c r="F240" s="16" t="s">
        <v>2430</v>
      </c>
      <c r="G240" s="15" t="s">
        <v>2174</v>
      </c>
      <c r="H240" s="10">
        <v>234</v>
      </c>
    </row>
    <row r="241" spans="1:8" s="10" customFormat="1" ht="45" customHeight="1" x14ac:dyDescent="0.15">
      <c r="A241" s="15" t="s">
        <v>107</v>
      </c>
      <c r="B241" s="17">
        <v>69</v>
      </c>
      <c r="C241" s="15" t="s">
        <v>323</v>
      </c>
      <c r="D241" s="16" t="s">
        <v>1055</v>
      </c>
      <c r="E241" s="16" t="s">
        <v>1650</v>
      </c>
      <c r="F241" s="16" t="s">
        <v>2417</v>
      </c>
      <c r="G241" s="15" t="s">
        <v>2131</v>
      </c>
      <c r="H241" s="10">
        <v>235</v>
      </c>
    </row>
    <row r="242" spans="1:8" s="10" customFormat="1" ht="45" customHeight="1" x14ac:dyDescent="0.15">
      <c r="A242" s="15" t="s">
        <v>107</v>
      </c>
      <c r="B242" s="17">
        <v>70</v>
      </c>
      <c r="C242" s="15" t="s">
        <v>323</v>
      </c>
      <c r="D242" s="16" t="s">
        <v>1056</v>
      </c>
      <c r="E242" s="16" t="s">
        <v>1651</v>
      </c>
      <c r="F242" s="16" t="s">
        <v>2324</v>
      </c>
      <c r="G242" s="15" t="s">
        <v>2181</v>
      </c>
      <c r="H242" s="10">
        <v>236</v>
      </c>
    </row>
    <row r="243" spans="1:8" s="10" customFormat="1" ht="45" customHeight="1" x14ac:dyDescent="0.15">
      <c r="A243" s="15" t="s">
        <v>107</v>
      </c>
      <c r="B243" s="17">
        <v>71</v>
      </c>
      <c r="C243" s="15" t="s">
        <v>324</v>
      </c>
      <c r="D243" s="16" t="s">
        <v>1057</v>
      </c>
      <c r="E243" s="16" t="s">
        <v>1652</v>
      </c>
      <c r="F243" s="16" t="s">
        <v>2434</v>
      </c>
      <c r="G243" s="15" t="s">
        <v>2131</v>
      </c>
      <c r="H243" s="10">
        <v>237</v>
      </c>
    </row>
    <row r="244" spans="1:8" s="10" customFormat="1" ht="45" customHeight="1" x14ac:dyDescent="0.15">
      <c r="A244" s="15" t="s">
        <v>107</v>
      </c>
      <c r="B244" s="17">
        <v>72</v>
      </c>
      <c r="C244" s="15" t="s">
        <v>325</v>
      </c>
      <c r="D244" s="16" t="s">
        <v>1058</v>
      </c>
      <c r="E244" s="16" t="s">
        <v>1653</v>
      </c>
      <c r="F244" s="16" t="s">
        <v>2435</v>
      </c>
      <c r="G244" s="15" t="s">
        <v>2131</v>
      </c>
      <c r="H244" s="10">
        <v>238</v>
      </c>
    </row>
    <row r="245" spans="1:8" s="10" customFormat="1" ht="45" customHeight="1" x14ac:dyDescent="0.15">
      <c r="A245" s="15" t="s">
        <v>107</v>
      </c>
      <c r="B245" s="17">
        <v>73</v>
      </c>
      <c r="C245" s="15" t="s">
        <v>326</v>
      </c>
      <c r="D245" s="16" t="s">
        <v>1059</v>
      </c>
      <c r="E245" s="16" t="s">
        <v>1654</v>
      </c>
      <c r="F245" s="16" t="s">
        <v>2436</v>
      </c>
      <c r="G245" s="15" t="s">
        <v>2177</v>
      </c>
      <c r="H245" s="10">
        <v>239</v>
      </c>
    </row>
    <row r="246" spans="1:8" s="10" customFormat="1" ht="45" customHeight="1" x14ac:dyDescent="0.15">
      <c r="A246" s="15" t="s">
        <v>107</v>
      </c>
      <c r="B246" s="17">
        <v>74</v>
      </c>
      <c r="C246" s="15" t="s">
        <v>327</v>
      </c>
      <c r="D246" s="16" t="s">
        <v>1050</v>
      </c>
      <c r="E246" s="16" t="s">
        <v>1655</v>
      </c>
      <c r="F246" s="16" t="s">
        <v>2437</v>
      </c>
      <c r="G246" s="15" t="s">
        <v>2174</v>
      </c>
      <c r="H246" s="10">
        <v>240</v>
      </c>
    </row>
    <row r="247" spans="1:8" s="10" customFormat="1" ht="45" customHeight="1" x14ac:dyDescent="0.15">
      <c r="A247" s="15" t="s">
        <v>107</v>
      </c>
      <c r="B247" s="17">
        <v>75</v>
      </c>
      <c r="C247" s="15" t="s">
        <v>247</v>
      </c>
      <c r="D247" s="16" t="s">
        <v>1060</v>
      </c>
      <c r="E247" s="16" t="s">
        <v>1656</v>
      </c>
      <c r="F247" s="16" t="s">
        <v>2422</v>
      </c>
      <c r="G247" s="15" t="s">
        <v>2174</v>
      </c>
      <c r="H247" s="10">
        <v>241</v>
      </c>
    </row>
    <row r="248" spans="1:8" s="10" customFormat="1" ht="45" customHeight="1" x14ac:dyDescent="0.15">
      <c r="A248" s="15" t="s">
        <v>107</v>
      </c>
      <c r="B248" s="17">
        <v>76</v>
      </c>
      <c r="C248" s="15" t="s">
        <v>247</v>
      </c>
      <c r="D248" s="16" t="s">
        <v>1006</v>
      </c>
      <c r="E248" s="16" t="s">
        <v>1657</v>
      </c>
      <c r="F248" s="16" t="s">
        <v>2438</v>
      </c>
      <c r="G248" s="15" t="s">
        <v>2174</v>
      </c>
      <c r="H248" s="10">
        <v>242</v>
      </c>
    </row>
    <row r="249" spans="1:8" s="10" customFormat="1" ht="45" customHeight="1" x14ac:dyDescent="0.15">
      <c r="A249" s="15" t="s">
        <v>107</v>
      </c>
      <c r="B249" s="17">
        <v>77</v>
      </c>
      <c r="C249" s="15" t="s">
        <v>247</v>
      </c>
      <c r="D249" s="16" t="s">
        <v>1046</v>
      </c>
      <c r="E249" s="16" t="s">
        <v>1658</v>
      </c>
      <c r="F249" s="16" t="s">
        <v>2406</v>
      </c>
      <c r="G249" s="15" t="s">
        <v>2174</v>
      </c>
      <c r="H249" s="10">
        <v>243</v>
      </c>
    </row>
    <row r="250" spans="1:8" s="10" customFormat="1" ht="45" customHeight="1" x14ac:dyDescent="0.15">
      <c r="A250" s="15" t="s">
        <v>107</v>
      </c>
      <c r="B250" s="17">
        <v>79</v>
      </c>
      <c r="C250" s="15" t="s">
        <v>328</v>
      </c>
      <c r="D250" s="16" t="s">
        <v>1035</v>
      </c>
      <c r="E250" s="16" t="s">
        <v>1623</v>
      </c>
      <c r="F250" s="16" t="s">
        <v>2421</v>
      </c>
      <c r="G250" s="15" t="s">
        <v>2174</v>
      </c>
      <c r="H250" s="10">
        <v>244</v>
      </c>
    </row>
    <row r="251" spans="1:8" s="10" customFormat="1" ht="45" customHeight="1" x14ac:dyDescent="0.15">
      <c r="A251" s="15" t="s">
        <v>107</v>
      </c>
      <c r="B251" s="17">
        <v>80</v>
      </c>
      <c r="C251" s="15" t="s">
        <v>329</v>
      </c>
      <c r="D251" s="16" t="s">
        <v>1061</v>
      </c>
      <c r="E251" s="16" t="s">
        <v>1636</v>
      </c>
      <c r="F251" s="16" t="s">
        <v>2439</v>
      </c>
      <c r="G251" s="15" t="s">
        <v>2131</v>
      </c>
      <c r="H251" s="10">
        <v>245</v>
      </c>
    </row>
    <row r="252" spans="1:8" s="10" customFormat="1" ht="45" customHeight="1" x14ac:dyDescent="0.15">
      <c r="A252" s="15" t="s">
        <v>107</v>
      </c>
      <c r="B252" s="17">
        <v>82</v>
      </c>
      <c r="C252" s="15" t="s">
        <v>330</v>
      </c>
      <c r="D252" s="16" t="s">
        <v>1062</v>
      </c>
      <c r="E252" s="16" t="s">
        <v>1659</v>
      </c>
      <c r="F252" s="16" t="s">
        <v>2407</v>
      </c>
      <c r="G252" s="15" t="s">
        <v>2131</v>
      </c>
      <c r="H252" s="10">
        <v>246</v>
      </c>
    </row>
    <row r="253" spans="1:8" s="10" customFormat="1" ht="45" customHeight="1" x14ac:dyDescent="0.15">
      <c r="A253" s="15" t="s">
        <v>107</v>
      </c>
      <c r="B253" s="17">
        <v>83</v>
      </c>
      <c r="C253" s="15" t="s">
        <v>331</v>
      </c>
      <c r="D253" s="16" t="s">
        <v>1022</v>
      </c>
      <c r="E253" s="16" t="s">
        <v>1660</v>
      </c>
      <c r="F253" s="16" t="s">
        <v>2440</v>
      </c>
      <c r="G253" s="15" t="s">
        <v>2131</v>
      </c>
      <c r="H253" s="10">
        <v>247</v>
      </c>
    </row>
    <row r="254" spans="1:8" s="10" customFormat="1" ht="45" customHeight="1" x14ac:dyDescent="0.15">
      <c r="A254" s="15" t="s">
        <v>107</v>
      </c>
      <c r="B254" s="17">
        <v>84</v>
      </c>
      <c r="C254" s="15" t="s">
        <v>332</v>
      </c>
      <c r="D254" s="16" t="s">
        <v>1022</v>
      </c>
      <c r="E254" s="16" t="s">
        <v>1609</v>
      </c>
      <c r="F254" s="16" t="s">
        <v>2433</v>
      </c>
      <c r="G254" s="15" t="s">
        <v>2131</v>
      </c>
      <c r="H254" s="10">
        <v>248</v>
      </c>
    </row>
    <row r="255" spans="1:8" s="10" customFormat="1" ht="45" customHeight="1" x14ac:dyDescent="0.15">
      <c r="A255" s="15" t="s">
        <v>107</v>
      </c>
      <c r="B255" s="17">
        <v>85</v>
      </c>
      <c r="C255" s="15" t="s">
        <v>333</v>
      </c>
      <c r="D255" s="16" t="s">
        <v>1063</v>
      </c>
      <c r="E255" s="16" t="s">
        <v>1609</v>
      </c>
      <c r="F255" s="16" t="s">
        <v>2430</v>
      </c>
      <c r="G255" s="15" t="s">
        <v>2131</v>
      </c>
      <c r="H255" s="10">
        <v>249</v>
      </c>
    </row>
    <row r="256" spans="1:8" s="10" customFormat="1" ht="45" customHeight="1" x14ac:dyDescent="0.15">
      <c r="A256" s="15" t="s">
        <v>107</v>
      </c>
      <c r="B256" s="17">
        <v>87</v>
      </c>
      <c r="C256" s="15" t="s">
        <v>334</v>
      </c>
      <c r="D256" s="16" t="s">
        <v>1054</v>
      </c>
      <c r="E256" s="16" t="s">
        <v>1661</v>
      </c>
      <c r="F256" s="16" t="s">
        <v>2441</v>
      </c>
      <c r="G256" s="15" t="s">
        <v>2174</v>
      </c>
      <c r="H256" s="10">
        <v>250</v>
      </c>
    </row>
    <row r="257" spans="1:8" s="10" customFormat="1" ht="45" customHeight="1" x14ac:dyDescent="0.15">
      <c r="A257" s="15" t="s">
        <v>107</v>
      </c>
      <c r="B257" s="17">
        <v>88</v>
      </c>
      <c r="C257" s="15" t="s">
        <v>266</v>
      </c>
      <c r="D257" s="16" t="s">
        <v>1032</v>
      </c>
      <c r="E257" s="16" t="s">
        <v>1662</v>
      </c>
      <c r="F257" s="16" t="s">
        <v>2442</v>
      </c>
      <c r="G257" s="15" t="s">
        <v>2174</v>
      </c>
      <c r="H257" s="10">
        <v>251</v>
      </c>
    </row>
    <row r="258" spans="1:8" s="10" customFormat="1" ht="45" customHeight="1" x14ac:dyDescent="0.15">
      <c r="A258" s="15" t="s">
        <v>107</v>
      </c>
      <c r="B258" s="17">
        <v>92</v>
      </c>
      <c r="C258" s="15" t="s">
        <v>335</v>
      </c>
      <c r="D258" s="16" t="s">
        <v>1006</v>
      </c>
      <c r="E258" s="16" t="s">
        <v>1663</v>
      </c>
      <c r="F258" s="16" t="s">
        <v>2438</v>
      </c>
      <c r="G258" s="15" t="s">
        <v>2135</v>
      </c>
      <c r="H258" s="10">
        <v>252</v>
      </c>
    </row>
    <row r="259" spans="1:8" s="10" customFormat="1" ht="45" customHeight="1" x14ac:dyDescent="0.15">
      <c r="A259" s="15" t="s">
        <v>107</v>
      </c>
      <c r="B259" s="17">
        <v>94</v>
      </c>
      <c r="C259" s="15" t="s">
        <v>336</v>
      </c>
      <c r="D259" s="16" t="s">
        <v>38</v>
      </c>
      <c r="E259" s="16" t="s">
        <v>1664</v>
      </c>
      <c r="F259" s="16" t="s">
        <v>2420</v>
      </c>
      <c r="G259" s="15" t="s">
        <v>2131</v>
      </c>
      <c r="H259" s="10">
        <v>253</v>
      </c>
    </row>
    <row r="260" spans="1:8" s="10" customFormat="1" ht="45" customHeight="1" x14ac:dyDescent="0.15">
      <c r="A260" s="15" t="s">
        <v>107</v>
      </c>
      <c r="B260" s="17">
        <v>95</v>
      </c>
      <c r="C260" s="15" t="s">
        <v>337</v>
      </c>
      <c r="D260" s="16" t="s">
        <v>38</v>
      </c>
      <c r="E260" s="16" t="s">
        <v>1665</v>
      </c>
      <c r="F260" s="16" t="s">
        <v>2441</v>
      </c>
      <c r="G260" s="15" t="s">
        <v>2182</v>
      </c>
      <c r="H260" s="10">
        <v>254</v>
      </c>
    </row>
    <row r="261" spans="1:8" s="10" customFormat="1" ht="45" customHeight="1" x14ac:dyDescent="0.15">
      <c r="A261" s="15" t="s">
        <v>107</v>
      </c>
      <c r="B261" s="17">
        <v>96</v>
      </c>
      <c r="C261" s="15" t="s">
        <v>338</v>
      </c>
      <c r="D261" s="16" t="s">
        <v>38</v>
      </c>
      <c r="E261" s="16" t="s">
        <v>1659</v>
      </c>
      <c r="F261" s="16" t="s">
        <v>2409</v>
      </c>
      <c r="G261" s="15" t="s">
        <v>2131</v>
      </c>
      <c r="H261" s="10">
        <v>255</v>
      </c>
    </row>
    <row r="262" spans="1:8" s="10" customFormat="1" ht="45" customHeight="1" x14ac:dyDescent="0.15">
      <c r="A262" s="15" t="s">
        <v>107</v>
      </c>
      <c r="B262" s="17">
        <v>97</v>
      </c>
      <c r="C262" s="15" t="s">
        <v>339</v>
      </c>
      <c r="D262" s="16" t="s">
        <v>1064</v>
      </c>
      <c r="E262" s="16" t="s">
        <v>1666</v>
      </c>
      <c r="F262" s="16" t="s">
        <v>2432</v>
      </c>
      <c r="G262" s="15" t="s">
        <v>2131</v>
      </c>
      <c r="H262" s="10">
        <v>256</v>
      </c>
    </row>
    <row r="263" spans="1:8" s="10" customFormat="1" ht="45" customHeight="1" x14ac:dyDescent="0.15">
      <c r="A263" s="15" t="s">
        <v>107</v>
      </c>
      <c r="B263" s="17">
        <v>98</v>
      </c>
      <c r="C263" s="15" t="s">
        <v>340</v>
      </c>
      <c r="D263" s="16" t="s">
        <v>1065</v>
      </c>
      <c r="E263" s="16" t="s">
        <v>1667</v>
      </c>
      <c r="F263" s="16" t="s">
        <v>2443</v>
      </c>
      <c r="G263" s="15" t="s">
        <v>2182</v>
      </c>
      <c r="H263" s="10">
        <v>257</v>
      </c>
    </row>
    <row r="264" spans="1:8" s="10" customFormat="1" ht="45" customHeight="1" x14ac:dyDescent="0.15">
      <c r="A264" s="15" t="s">
        <v>107</v>
      </c>
      <c r="B264" s="17">
        <v>99</v>
      </c>
      <c r="C264" s="15" t="s">
        <v>341</v>
      </c>
      <c r="D264" s="16" t="s">
        <v>1065</v>
      </c>
      <c r="E264" s="16" t="s">
        <v>1667</v>
      </c>
      <c r="F264" s="16" t="s">
        <v>2417</v>
      </c>
      <c r="G264" s="15" t="s">
        <v>2182</v>
      </c>
      <c r="H264" s="10">
        <v>258</v>
      </c>
    </row>
    <row r="265" spans="1:8" s="10" customFormat="1" ht="45" customHeight="1" x14ac:dyDescent="0.15">
      <c r="A265" s="15" t="s">
        <v>107</v>
      </c>
      <c r="B265" s="17">
        <v>101</v>
      </c>
      <c r="C265" s="15" t="s">
        <v>342</v>
      </c>
      <c r="D265" s="16" t="s">
        <v>1066</v>
      </c>
      <c r="E265" s="16" t="s">
        <v>1668</v>
      </c>
      <c r="F265" s="16" t="s">
        <v>2438</v>
      </c>
      <c r="G265" s="15" t="s">
        <v>2182</v>
      </c>
      <c r="H265" s="10">
        <v>259</v>
      </c>
    </row>
    <row r="266" spans="1:8" s="10" customFormat="1" ht="45" customHeight="1" x14ac:dyDescent="0.15">
      <c r="A266" s="15" t="s">
        <v>107</v>
      </c>
      <c r="B266" s="17">
        <v>102</v>
      </c>
      <c r="C266" s="15" t="s">
        <v>343</v>
      </c>
      <c r="D266" s="16" t="s">
        <v>1067</v>
      </c>
      <c r="E266" s="16" t="s">
        <v>1669</v>
      </c>
      <c r="F266" s="16" t="s">
        <v>2260</v>
      </c>
      <c r="G266" s="15" t="s">
        <v>2184</v>
      </c>
      <c r="H266" s="10">
        <v>260</v>
      </c>
    </row>
    <row r="267" spans="1:8" s="10" customFormat="1" ht="45" customHeight="1" x14ac:dyDescent="0.15">
      <c r="A267" s="15" t="s">
        <v>107</v>
      </c>
      <c r="B267" s="17">
        <v>103</v>
      </c>
      <c r="C267" s="15" t="s">
        <v>344</v>
      </c>
      <c r="D267" s="16" t="s">
        <v>1030</v>
      </c>
      <c r="E267" s="16" t="s">
        <v>1670</v>
      </c>
      <c r="F267" s="16" t="s">
        <v>2444</v>
      </c>
      <c r="G267" s="15" t="s">
        <v>2185</v>
      </c>
      <c r="H267" s="10">
        <v>261</v>
      </c>
    </row>
    <row r="268" spans="1:8" s="10" customFormat="1" ht="45" customHeight="1" x14ac:dyDescent="0.15">
      <c r="A268" s="15" t="s">
        <v>107</v>
      </c>
      <c r="B268" s="17">
        <v>105</v>
      </c>
      <c r="C268" s="15" t="s">
        <v>345</v>
      </c>
      <c r="D268" s="16" t="s">
        <v>1068</v>
      </c>
      <c r="E268" s="16" t="s">
        <v>1660</v>
      </c>
      <c r="F268" s="16" t="s">
        <v>2418</v>
      </c>
      <c r="G268" s="15" t="s">
        <v>2131</v>
      </c>
      <c r="H268" s="10">
        <v>262</v>
      </c>
    </row>
    <row r="269" spans="1:8" s="10" customFormat="1" ht="45" customHeight="1" x14ac:dyDescent="0.15">
      <c r="A269" s="15" t="s">
        <v>107</v>
      </c>
      <c r="B269" s="17">
        <v>106</v>
      </c>
      <c r="C269" s="15" t="s">
        <v>346</v>
      </c>
      <c r="D269" s="16" t="s">
        <v>1069</v>
      </c>
      <c r="E269" s="16" t="s">
        <v>1671</v>
      </c>
      <c r="F269" s="16" t="s">
        <v>2261</v>
      </c>
      <c r="G269" s="15" t="s">
        <v>2177</v>
      </c>
      <c r="H269" s="10">
        <v>263</v>
      </c>
    </row>
    <row r="270" spans="1:8" s="10" customFormat="1" ht="45" customHeight="1" x14ac:dyDescent="0.15">
      <c r="A270" s="15" t="s">
        <v>107</v>
      </c>
      <c r="B270" s="17">
        <v>107</v>
      </c>
      <c r="C270" s="15" t="s">
        <v>347</v>
      </c>
      <c r="D270" s="16" t="s">
        <v>1006</v>
      </c>
      <c r="E270" s="16" t="s">
        <v>1672</v>
      </c>
      <c r="F270" s="16" t="s">
        <v>2434</v>
      </c>
      <c r="G270" s="15" t="s">
        <v>2131</v>
      </c>
      <c r="H270" s="10">
        <v>264</v>
      </c>
    </row>
    <row r="271" spans="1:8" s="10" customFormat="1" ht="45" customHeight="1" x14ac:dyDescent="0.15">
      <c r="A271" s="15" t="s">
        <v>107</v>
      </c>
      <c r="B271" s="17">
        <v>109</v>
      </c>
      <c r="C271" s="15" t="s">
        <v>348</v>
      </c>
      <c r="D271" s="16" t="s">
        <v>1070</v>
      </c>
      <c r="E271" s="16" t="s">
        <v>1673</v>
      </c>
      <c r="F271" s="16" t="s">
        <v>2262</v>
      </c>
      <c r="G271" s="15" t="s">
        <v>2186</v>
      </c>
      <c r="H271" s="10">
        <v>265</v>
      </c>
    </row>
    <row r="272" spans="1:8" s="10" customFormat="1" ht="45" customHeight="1" x14ac:dyDescent="0.15">
      <c r="A272" s="15" t="s">
        <v>107</v>
      </c>
      <c r="B272" s="17">
        <v>111</v>
      </c>
      <c r="C272" s="15" t="s">
        <v>349</v>
      </c>
      <c r="D272" s="16" t="s">
        <v>1006</v>
      </c>
      <c r="E272" s="16" t="s">
        <v>1674</v>
      </c>
      <c r="F272" s="16" t="s">
        <v>2445</v>
      </c>
      <c r="G272" s="15" t="s">
        <v>2187</v>
      </c>
      <c r="H272" s="10">
        <v>266</v>
      </c>
    </row>
    <row r="273" spans="1:8" s="10" customFormat="1" ht="45" customHeight="1" x14ac:dyDescent="0.15">
      <c r="A273" s="15" t="s">
        <v>107</v>
      </c>
      <c r="B273" s="17">
        <v>112</v>
      </c>
      <c r="C273" s="15" t="s">
        <v>350</v>
      </c>
      <c r="D273" s="16" t="s">
        <v>1011</v>
      </c>
      <c r="E273" s="16" t="s">
        <v>1675</v>
      </c>
      <c r="F273" s="16" t="s">
        <v>2401</v>
      </c>
      <c r="G273" s="15" t="s">
        <v>2131</v>
      </c>
      <c r="H273" s="10">
        <v>267</v>
      </c>
    </row>
    <row r="274" spans="1:8" s="10" customFormat="1" ht="45" customHeight="1" x14ac:dyDescent="0.15">
      <c r="A274" s="15" t="s">
        <v>107</v>
      </c>
      <c r="B274" s="17">
        <v>113</v>
      </c>
      <c r="C274" s="15" t="s">
        <v>351</v>
      </c>
      <c r="D274" s="16" t="s">
        <v>1011</v>
      </c>
      <c r="E274" s="16" t="s">
        <v>1676</v>
      </c>
      <c r="F274" s="16" t="s">
        <v>2409</v>
      </c>
      <c r="G274" s="15" t="s">
        <v>2131</v>
      </c>
      <c r="H274" s="10">
        <v>268</v>
      </c>
    </row>
    <row r="275" spans="1:8" s="10" customFormat="1" ht="45" customHeight="1" x14ac:dyDescent="0.15">
      <c r="A275" s="15" t="s">
        <v>107</v>
      </c>
      <c r="B275" s="17">
        <v>117</v>
      </c>
      <c r="C275" s="15" t="s">
        <v>352</v>
      </c>
      <c r="D275" s="16" t="s">
        <v>1068</v>
      </c>
      <c r="E275" s="16" t="s">
        <v>1677</v>
      </c>
      <c r="F275" s="16" t="s">
        <v>2446</v>
      </c>
      <c r="G275" s="16" t="s">
        <v>2131</v>
      </c>
      <c r="H275" s="10">
        <v>269</v>
      </c>
    </row>
    <row r="276" spans="1:8" s="10" customFormat="1" ht="45" customHeight="1" x14ac:dyDescent="0.15">
      <c r="A276" s="15" t="s">
        <v>107</v>
      </c>
      <c r="B276" s="17">
        <v>120</v>
      </c>
      <c r="C276" s="15" t="s">
        <v>353</v>
      </c>
      <c r="D276" s="16" t="s">
        <v>1071</v>
      </c>
      <c r="E276" s="16" t="s">
        <v>1678</v>
      </c>
      <c r="F276" s="16" t="s">
        <v>2415</v>
      </c>
      <c r="G276" s="16" t="s">
        <v>2131</v>
      </c>
      <c r="H276" s="10">
        <v>270</v>
      </c>
    </row>
    <row r="277" spans="1:8" s="10" customFormat="1" ht="45" customHeight="1" x14ac:dyDescent="0.15">
      <c r="A277" s="15" t="s">
        <v>107</v>
      </c>
      <c r="B277" s="17">
        <v>122</v>
      </c>
      <c r="C277" s="15" t="s">
        <v>354</v>
      </c>
      <c r="D277" s="16" t="s">
        <v>1072</v>
      </c>
      <c r="E277" s="16" t="s">
        <v>1679</v>
      </c>
      <c r="F277" s="16" t="s">
        <v>2447</v>
      </c>
      <c r="G277" s="15" t="s">
        <v>2175</v>
      </c>
      <c r="H277" s="10">
        <v>271</v>
      </c>
    </row>
    <row r="278" spans="1:8" s="10" customFormat="1" ht="45" customHeight="1" x14ac:dyDescent="0.15">
      <c r="A278" s="15" t="s">
        <v>107</v>
      </c>
      <c r="B278" s="17">
        <v>126</v>
      </c>
      <c r="C278" s="15" t="s">
        <v>355</v>
      </c>
      <c r="D278" s="16" t="s">
        <v>1073</v>
      </c>
      <c r="E278" s="16" t="s">
        <v>1680</v>
      </c>
      <c r="F278" s="16" t="s">
        <v>2447</v>
      </c>
      <c r="G278" s="15" t="s">
        <v>2175</v>
      </c>
      <c r="H278" s="10">
        <v>272</v>
      </c>
    </row>
    <row r="279" spans="1:8" s="10" customFormat="1" ht="45" customHeight="1" x14ac:dyDescent="0.15">
      <c r="A279" s="15" t="s">
        <v>107</v>
      </c>
      <c r="B279" s="17">
        <v>127</v>
      </c>
      <c r="C279" s="15" t="s">
        <v>356</v>
      </c>
      <c r="D279" s="16" t="s">
        <v>1074</v>
      </c>
      <c r="E279" s="16" t="s">
        <v>1681</v>
      </c>
      <c r="F279" s="16" t="s">
        <v>2448</v>
      </c>
      <c r="G279" s="15" t="s">
        <v>2131</v>
      </c>
      <c r="H279" s="10">
        <v>273</v>
      </c>
    </row>
    <row r="280" spans="1:8" s="10" customFormat="1" ht="45" customHeight="1" x14ac:dyDescent="0.15">
      <c r="A280" s="15" t="s">
        <v>107</v>
      </c>
      <c r="B280" s="17">
        <v>128</v>
      </c>
      <c r="C280" s="15" t="s">
        <v>357</v>
      </c>
      <c r="D280" s="16" t="s">
        <v>1074</v>
      </c>
      <c r="E280" s="16" t="s">
        <v>1681</v>
      </c>
      <c r="F280" s="16" t="s">
        <v>2428</v>
      </c>
      <c r="G280" s="15" t="s">
        <v>2131</v>
      </c>
      <c r="H280" s="10">
        <v>274</v>
      </c>
    </row>
    <row r="281" spans="1:8" s="10" customFormat="1" ht="45" customHeight="1" x14ac:dyDescent="0.15">
      <c r="A281" s="15" t="s">
        <v>107</v>
      </c>
      <c r="B281" s="17">
        <v>129</v>
      </c>
      <c r="C281" s="15" t="s">
        <v>358</v>
      </c>
      <c r="D281" s="16" t="s">
        <v>1075</v>
      </c>
      <c r="E281" s="16" t="s">
        <v>1682</v>
      </c>
      <c r="F281" s="16" t="s">
        <v>2384</v>
      </c>
      <c r="G281" s="15" t="s">
        <v>2175</v>
      </c>
      <c r="H281" s="10">
        <v>275</v>
      </c>
    </row>
    <row r="282" spans="1:8" s="10" customFormat="1" ht="45" customHeight="1" x14ac:dyDescent="0.15">
      <c r="A282" s="15" t="s">
        <v>107</v>
      </c>
      <c r="B282" s="17">
        <v>130</v>
      </c>
      <c r="C282" s="15" t="s">
        <v>359</v>
      </c>
      <c r="D282" s="16" t="s">
        <v>1075</v>
      </c>
      <c r="E282" s="16" t="s">
        <v>1683</v>
      </c>
      <c r="F282" s="16" t="s">
        <v>2449</v>
      </c>
      <c r="G282" s="15" t="s">
        <v>2131</v>
      </c>
      <c r="H282" s="10">
        <v>276</v>
      </c>
    </row>
    <row r="283" spans="1:8" s="10" customFormat="1" ht="45" customHeight="1" x14ac:dyDescent="0.15">
      <c r="A283" s="15" t="s">
        <v>107</v>
      </c>
      <c r="B283" s="17">
        <v>131</v>
      </c>
      <c r="C283" s="15" t="s">
        <v>360</v>
      </c>
      <c r="D283" s="16" t="s">
        <v>1073</v>
      </c>
      <c r="E283" s="16" t="s">
        <v>1684</v>
      </c>
      <c r="F283" s="16" t="s">
        <v>2442</v>
      </c>
      <c r="G283" s="16" t="s">
        <v>2131</v>
      </c>
      <c r="H283" s="10">
        <v>277</v>
      </c>
    </row>
    <row r="284" spans="1:8" s="10" customFormat="1" ht="45" customHeight="1" x14ac:dyDescent="0.15">
      <c r="A284" s="15" t="s">
        <v>107</v>
      </c>
      <c r="B284" s="17">
        <v>132</v>
      </c>
      <c r="C284" s="15" t="s">
        <v>361</v>
      </c>
      <c r="D284" s="16" t="s">
        <v>1075</v>
      </c>
      <c r="E284" s="16" t="s">
        <v>1685</v>
      </c>
      <c r="F284" s="16" t="s">
        <v>2437</v>
      </c>
      <c r="G284" s="15" t="s">
        <v>2131</v>
      </c>
      <c r="H284" s="10">
        <v>278</v>
      </c>
    </row>
    <row r="285" spans="1:8" s="10" customFormat="1" ht="45" customHeight="1" x14ac:dyDescent="0.15">
      <c r="A285" s="15" t="s">
        <v>107</v>
      </c>
      <c r="B285" s="17">
        <v>133</v>
      </c>
      <c r="C285" s="15" t="s">
        <v>339</v>
      </c>
      <c r="D285" s="16" t="s">
        <v>1075</v>
      </c>
      <c r="E285" s="16" t="s">
        <v>1686</v>
      </c>
      <c r="F285" s="16" t="s">
        <v>2433</v>
      </c>
      <c r="G285" s="15" t="s">
        <v>2131</v>
      </c>
      <c r="H285" s="10">
        <v>279</v>
      </c>
    </row>
    <row r="286" spans="1:8" s="10" customFormat="1" ht="45" customHeight="1" x14ac:dyDescent="0.15">
      <c r="A286" s="15" t="s">
        <v>107</v>
      </c>
      <c r="B286" s="17">
        <v>134</v>
      </c>
      <c r="C286" s="15" t="s">
        <v>362</v>
      </c>
      <c r="D286" s="16" t="s">
        <v>1076</v>
      </c>
      <c r="E286" s="16" t="s">
        <v>1687</v>
      </c>
      <c r="F286" s="16" t="s">
        <v>2416</v>
      </c>
      <c r="G286" s="15" t="s">
        <v>2131</v>
      </c>
      <c r="H286" s="10">
        <v>280</v>
      </c>
    </row>
    <row r="287" spans="1:8" s="10" customFormat="1" ht="45" customHeight="1" x14ac:dyDescent="0.15">
      <c r="A287" s="15" t="s">
        <v>107</v>
      </c>
      <c r="B287" s="17">
        <v>135</v>
      </c>
      <c r="C287" s="15" t="s">
        <v>363</v>
      </c>
      <c r="D287" s="16" t="s">
        <v>1065</v>
      </c>
      <c r="E287" s="16" t="s">
        <v>1667</v>
      </c>
      <c r="F287" s="16" t="s">
        <v>2343</v>
      </c>
      <c r="G287" s="15" t="s">
        <v>2188</v>
      </c>
      <c r="H287" s="10">
        <v>281</v>
      </c>
    </row>
    <row r="288" spans="1:8" s="10" customFormat="1" ht="45" customHeight="1" x14ac:dyDescent="0.15">
      <c r="A288" s="15" t="s">
        <v>107</v>
      </c>
      <c r="B288" s="17">
        <v>136</v>
      </c>
      <c r="C288" s="15" t="s">
        <v>364</v>
      </c>
      <c r="D288" s="16" t="s">
        <v>1077</v>
      </c>
      <c r="E288" s="16" t="s">
        <v>1688</v>
      </c>
      <c r="F288" s="16" t="s">
        <v>2333</v>
      </c>
      <c r="G288" s="15" t="s">
        <v>2189</v>
      </c>
      <c r="H288" s="10">
        <v>282</v>
      </c>
    </row>
    <row r="289" spans="1:8" s="10" customFormat="1" ht="45" customHeight="1" x14ac:dyDescent="0.15">
      <c r="A289" s="15" t="s">
        <v>107</v>
      </c>
      <c r="B289" s="17">
        <v>137</v>
      </c>
      <c r="C289" s="15" t="s">
        <v>365</v>
      </c>
      <c r="D289" s="16" t="s">
        <v>1078</v>
      </c>
      <c r="E289" s="16" t="s">
        <v>1689</v>
      </c>
      <c r="F289" s="16" t="s">
        <v>2450</v>
      </c>
      <c r="G289" s="15" t="s">
        <v>2189</v>
      </c>
      <c r="H289" s="10">
        <v>283</v>
      </c>
    </row>
    <row r="290" spans="1:8" s="10" customFormat="1" ht="45" customHeight="1" x14ac:dyDescent="0.15">
      <c r="A290" s="15" t="s">
        <v>107</v>
      </c>
      <c r="B290" s="17">
        <v>138</v>
      </c>
      <c r="C290" s="15" t="s">
        <v>366</v>
      </c>
      <c r="D290" s="16" t="s">
        <v>1066</v>
      </c>
      <c r="E290" s="16" t="s">
        <v>1690</v>
      </c>
      <c r="F290" s="16" t="s">
        <v>2451</v>
      </c>
      <c r="G290" s="15" t="s">
        <v>2190</v>
      </c>
      <c r="H290" s="10">
        <v>284</v>
      </c>
    </row>
    <row r="291" spans="1:8" s="10" customFormat="1" ht="45" customHeight="1" x14ac:dyDescent="0.15">
      <c r="A291" s="15" t="s">
        <v>107</v>
      </c>
      <c r="B291" s="17">
        <v>139</v>
      </c>
      <c r="C291" s="15" t="s">
        <v>367</v>
      </c>
      <c r="D291" s="16" t="s">
        <v>1079</v>
      </c>
      <c r="E291" s="16" t="s">
        <v>1691</v>
      </c>
      <c r="F291" s="16" t="s">
        <v>2404</v>
      </c>
      <c r="G291" s="15" t="s">
        <v>2182</v>
      </c>
      <c r="H291" s="10">
        <v>285</v>
      </c>
    </row>
    <row r="292" spans="1:8" s="10" customFormat="1" ht="45" customHeight="1" x14ac:dyDescent="0.15">
      <c r="A292" s="15" t="s">
        <v>107</v>
      </c>
      <c r="B292" s="17">
        <v>141</v>
      </c>
      <c r="C292" s="15" t="s">
        <v>368</v>
      </c>
      <c r="D292" s="16" t="s">
        <v>1080</v>
      </c>
      <c r="E292" s="16" t="s">
        <v>1692</v>
      </c>
      <c r="F292" s="16" t="s">
        <v>2346</v>
      </c>
      <c r="G292" s="15" t="s">
        <v>2189</v>
      </c>
      <c r="H292" s="10">
        <v>286</v>
      </c>
    </row>
    <row r="293" spans="1:8" s="10" customFormat="1" ht="45" customHeight="1" x14ac:dyDescent="0.15">
      <c r="A293" s="15" t="s">
        <v>107</v>
      </c>
      <c r="B293" s="17">
        <v>142</v>
      </c>
      <c r="C293" s="15" t="s">
        <v>369</v>
      </c>
      <c r="D293" s="16" t="s">
        <v>1081</v>
      </c>
      <c r="E293" s="16" t="s">
        <v>42</v>
      </c>
      <c r="F293" s="16" t="s">
        <v>2426</v>
      </c>
      <c r="G293" s="15" t="s">
        <v>2131</v>
      </c>
      <c r="H293" s="10">
        <v>287</v>
      </c>
    </row>
    <row r="294" spans="1:8" s="10" customFormat="1" ht="45" customHeight="1" x14ac:dyDescent="0.15">
      <c r="A294" s="15" t="s">
        <v>107</v>
      </c>
      <c r="B294" s="17">
        <v>143</v>
      </c>
      <c r="C294" s="15" t="s">
        <v>370</v>
      </c>
      <c r="D294" s="16" t="s">
        <v>1081</v>
      </c>
      <c r="E294" s="16" t="s">
        <v>1693</v>
      </c>
      <c r="F294" s="16" t="s">
        <v>2407</v>
      </c>
      <c r="G294" s="15" t="s">
        <v>2131</v>
      </c>
      <c r="H294" s="10">
        <v>288</v>
      </c>
    </row>
    <row r="295" spans="1:8" s="10" customFormat="1" ht="45" customHeight="1" x14ac:dyDescent="0.15">
      <c r="A295" s="15" t="s">
        <v>107</v>
      </c>
      <c r="B295" s="17">
        <v>145</v>
      </c>
      <c r="C295" s="15" t="s">
        <v>371</v>
      </c>
      <c r="D295" s="16" t="s">
        <v>1082</v>
      </c>
      <c r="E295" s="16" t="s">
        <v>1694</v>
      </c>
      <c r="F295" s="16" t="s">
        <v>2263</v>
      </c>
      <c r="G295" s="15" t="s">
        <v>2131</v>
      </c>
      <c r="H295" s="10">
        <v>289</v>
      </c>
    </row>
    <row r="296" spans="1:8" s="10" customFormat="1" ht="45" customHeight="1" x14ac:dyDescent="0.15">
      <c r="A296" s="15" t="s">
        <v>107</v>
      </c>
      <c r="B296" s="17">
        <v>146</v>
      </c>
      <c r="C296" s="15" t="s">
        <v>372</v>
      </c>
      <c r="D296" s="16" t="s">
        <v>1083</v>
      </c>
      <c r="E296" s="16" t="s">
        <v>1695</v>
      </c>
      <c r="F296" s="16" t="s">
        <v>2452</v>
      </c>
      <c r="G296" s="15" t="s">
        <v>2175</v>
      </c>
      <c r="H296" s="10">
        <v>290</v>
      </c>
    </row>
    <row r="297" spans="1:8" s="10" customFormat="1" ht="45" customHeight="1" x14ac:dyDescent="0.15">
      <c r="A297" s="15" t="s">
        <v>107</v>
      </c>
      <c r="B297" s="17">
        <v>147</v>
      </c>
      <c r="C297" s="15" t="s">
        <v>373</v>
      </c>
      <c r="D297" s="16" t="s">
        <v>25</v>
      </c>
      <c r="E297" s="16" t="s">
        <v>1696</v>
      </c>
      <c r="F297" s="16" t="s">
        <v>2421</v>
      </c>
      <c r="G297" s="15" t="s">
        <v>2131</v>
      </c>
      <c r="H297" s="10">
        <v>291</v>
      </c>
    </row>
    <row r="298" spans="1:8" s="10" customFormat="1" ht="45" customHeight="1" x14ac:dyDescent="0.15">
      <c r="A298" s="15" t="s">
        <v>107</v>
      </c>
      <c r="B298" s="17">
        <v>148</v>
      </c>
      <c r="C298" s="15" t="s">
        <v>374</v>
      </c>
      <c r="D298" s="16" t="s">
        <v>23</v>
      </c>
      <c r="E298" s="16" t="s">
        <v>24</v>
      </c>
      <c r="F298" s="16" t="s">
        <v>2428</v>
      </c>
      <c r="G298" s="15" t="s">
        <v>2174</v>
      </c>
      <c r="H298" s="10">
        <v>292</v>
      </c>
    </row>
    <row r="299" spans="1:8" s="10" customFormat="1" ht="45" customHeight="1" x14ac:dyDescent="0.15">
      <c r="A299" s="15" t="s">
        <v>107</v>
      </c>
      <c r="B299" s="17">
        <v>149</v>
      </c>
      <c r="C299" s="15" t="s">
        <v>375</v>
      </c>
      <c r="D299" s="16" t="s">
        <v>1084</v>
      </c>
      <c r="E299" s="16" t="s">
        <v>1697</v>
      </c>
      <c r="F299" s="16" t="s">
        <v>2453</v>
      </c>
      <c r="G299" s="15" t="s">
        <v>2177</v>
      </c>
      <c r="H299" s="10">
        <v>293</v>
      </c>
    </row>
    <row r="300" spans="1:8" s="10" customFormat="1" ht="45" customHeight="1" x14ac:dyDescent="0.15">
      <c r="A300" s="15" t="s">
        <v>107</v>
      </c>
      <c r="B300" s="17">
        <v>150</v>
      </c>
      <c r="C300" s="15" t="s">
        <v>376</v>
      </c>
      <c r="D300" s="16" t="s">
        <v>1085</v>
      </c>
      <c r="E300" s="16" t="s">
        <v>1698</v>
      </c>
      <c r="F300" s="16" t="s">
        <v>2264</v>
      </c>
      <c r="G300" s="15" t="s">
        <v>2177</v>
      </c>
      <c r="H300" s="10">
        <v>294</v>
      </c>
    </row>
    <row r="301" spans="1:8" s="10" customFormat="1" ht="45" customHeight="1" x14ac:dyDescent="0.15">
      <c r="A301" s="15" t="s">
        <v>107</v>
      </c>
      <c r="B301" s="17">
        <v>151</v>
      </c>
      <c r="C301" s="15" t="s">
        <v>377</v>
      </c>
      <c r="D301" s="16" t="s">
        <v>1039</v>
      </c>
      <c r="E301" s="16" t="s">
        <v>1628</v>
      </c>
      <c r="F301" s="16" t="s">
        <v>2454</v>
      </c>
      <c r="G301" s="15" t="s">
        <v>2177</v>
      </c>
      <c r="H301" s="10">
        <v>295</v>
      </c>
    </row>
    <row r="302" spans="1:8" s="10" customFormat="1" ht="45" customHeight="1" x14ac:dyDescent="0.15">
      <c r="A302" s="15" t="s">
        <v>107</v>
      </c>
      <c r="B302" s="17">
        <v>152</v>
      </c>
      <c r="C302" s="15" t="s">
        <v>378</v>
      </c>
      <c r="D302" s="16" t="s">
        <v>1039</v>
      </c>
      <c r="E302" s="16" t="s">
        <v>1628</v>
      </c>
      <c r="F302" s="16" t="s">
        <v>2455</v>
      </c>
      <c r="G302" s="15" t="s">
        <v>2177</v>
      </c>
      <c r="H302" s="10">
        <v>296</v>
      </c>
    </row>
    <row r="303" spans="1:8" s="10" customFormat="1" ht="45" customHeight="1" x14ac:dyDescent="0.15">
      <c r="A303" s="15" t="s">
        <v>107</v>
      </c>
      <c r="B303" s="17">
        <v>153</v>
      </c>
      <c r="C303" s="15" t="s">
        <v>379</v>
      </c>
      <c r="D303" s="16" t="s">
        <v>1086</v>
      </c>
      <c r="E303" s="16" t="s">
        <v>1699</v>
      </c>
      <c r="F303" s="16" t="s">
        <v>2456</v>
      </c>
      <c r="G303" s="15" t="s">
        <v>2177</v>
      </c>
      <c r="H303" s="10">
        <v>297</v>
      </c>
    </row>
    <row r="304" spans="1:8" s="10" customFormat="1" ht="45" customHeight="1" x14ac:dyDescent="0.15">
      <c r="A304" s="15" t="s">
        <v>107</v>
      </c>
      <c r="B304" s="17">
        <v>154</v>
      </c>
      <c r="C304" s="15" t="s">
        <v>380</v>
      </c>
      <c r="D304" s="16" t="s">
        <v>1087</v>
      </c>
      <c r="E304" s="16" t="s">
        <v>1700</v>
      </c>
      <c r="F304" s="16" t="s">
        <v>2265</v>
      </c>
      <c r="G304" s="15" t="s">
        <v>2177</v>
      </c>
      <c r="H304" s="10">
        <v>298</v>
      </c>
    </row>
    <row r="305" spans="1:8" s="10" customFormat="1" ht="45" customHeight="1" x14ac:dyDescent="0.15">
      <c r="A305" s="15" t="s">
        <v>107</v>
      </c>
      <c r="B305" s="17">
        <v>155</v>
      </c>
      <c r="C305" s="15" t="s">
        <v>344</v>
      </c>
      <c r="D305" s="16" t="s">
        <v>1031</v>
      </c>
      <c r="E305" s="16" t="s">
        <v>1701</v>
      </c>
      <c r="F305" s="16" t="s">
        <v>2457</v>
      </c>
      <c r="G305" s="15" t="s">
        <v>2181</v>
      </c>
      <c r="H305" s="10">
        <v>299</v>
      </c>
    </row>
    <row r="306" spans="1:8" s="10" customFormat="1" ht="45" customHeight="1" x14ac:dyDescent="0.15">
      <c r="A306" s="15" t="s">
        <v>107</v>
      </c>
      <c r="B306" s="17">
        <v>156</v>
      </c>
      <c r="C306" s="15" t="s">
        <v>381</v>
      </c>
      <c r="D306" s="16" t="s">
        <v>1006</v>
      </c>
      <c r="E306" s="16" t="s">
        <v>1702</v>
      </c>
      <c r="F306" s="16" t="s">
        <v>2417</v>
      </c>
      <c r="G306" s="15" t="s">
        <v>2131</v>
      </c>
      <c r="H306" s="10">
        <v>300</v>
      </c>
    </row>
    <row r="307" spans="1:8" s="10" customFormat="1" ht="45" customHeight="1" x14ac:dyDescent="0.15">
      <c r="A307" s="15" t="s">
        <v>107</v>
      </c>
      <c r="B307" s="17">
        <v>157</v>
      </c>
      <c r="C307" s="15" t="s">
        <v>382</v>
      </c>
      <c r="D307" s="16" t="s">
        <v>1088</v>
      </c>
      <c r="E307" s="16" t="s">
        <v>1703</v>
      </c>
      <c r="F307" s="16" t="s">
        <v>2266</v>
      </c>
      <c r="G307" s="15" t="s">
        <v>2177</v>
      </c>
      <c r="H307" s="10">
        <v>301</v>
      </c>
    </row>
    <row r="308" spans="1:8" s="10" customFormat="1" ht="45" customHeight="1" x14ac:dyDescent="0.15">
      <c r="A308" s="15" t="s">
        <v>107</v>
      </c>
      <c r="B308" s="17">
        <v>158</v>
      </c>
      <c r="C308" s="15" t="s">
        <v>383</v>
      </c>
      <c r="D308" s="16" t="s">
        <v>1089</v>
      </c>
      <c r="E308" s="16" t="s">
        <v>1704</v>
      </c>
      <c r="F308" s="16" t="s">
        <v>2255</v>
      </c>
      <c r="G308" s="15" t="s">
        <v>2182</v>
      </c>
      <c r="H308" s="10">
        <v>302</v>
      </c>
    </row>
    <row r="309" spans="1:8" s="10" customFormat="1" ht="45" customHeight="1" x14ac:dyDescent="0.15">
      <c r="A309" s="15" t="s">
        <v>107</v>
      </c>
      <c r="B309" s="17">
        <v>159</v>
      </c>
      <c r="C309" s="15" t="s">
        <v>383</v>
      </c>
      <c r="D309" s="16" t="s">
        <v>1090</v>
      </c>
      <c r="E309" s="16" t="s">
        <v>1705</v>
      </c>
      <c r="F309" s="16" t="s">
        <v>2458</v>
      </c>
      <c r="G309" s="15" t="s">
        <v>2191</v>
      </c>
      <c r="H309" s="10">
        <v>303</v>
      </c>
    </row>
    <row r="310" spans="1:8" s="10" customFormat="1" ht="45" customHeight="1" x14ac:dyDescent="0.15">
      <c r="A310" s="15" t="s">
        <v>107</v>
      </c>
      <c r="B310" s="17">
        <v>160</v>
      </c>
      <c r="C310" s="15" t="s">
        <v>383</v>
      </c>
      <c r="D310" s="16" t="s">
        <v>1006</v>
      </c>
      <c r="E310" s="16" t="s">
        <v>1706</v>
      </c>
      <c r="F310" s="16" t="s">
        <v>2459</v>
      </c>
      <c r="G310" s="15" t="s">
        <v>2192</v>
      </c>
      <c r="H310" s="10">
        <v>304</v>
      </c>
    </row>
    <row r="311" spans="1:8" s="10" customFormat="1" ht="45" customHeight="1" x14ac:dyDescent="0.15">
      <c r="A311" s="15" t="s">
        <v>107</v>
      </c>
      <c r="B311" s="17">
        <v>161</v>
      </c>
      <c r="C311" s="15" t="s">
        <v>384</v>
      </c>
      <c r="D311" s="16" t="s">
        <v>40</v>
      </c>
      <c r="E311" s="16" t="s">
        <v>1707</v>
      </c>
      <c r="F311" s="16" t="s">
        <v>2420</v>
      </c>
      <c r="G311" s="15" t="s">
        <v>2131</v>
      </c>
      <c r="H311" s="10">
        <v>305</v>
      </c>
    </row>
    <row r="312" spans="1:8" s="10" customFormat="1" ht="45" customHeight="1" x14ac:dyDescent="0.15">
      <c r="A312" s="15" t="s">
        <v>107</v>
      </c>
      <c r="B312" s="17">
        <v>162</v>
      </c>
      <c r="C312" s="15" t="s">
        <v>44</v>
      </c>
      <c r="D312" s="16" t="s">
        <v>38</v>
      </c>
      <c r="E312" s="16" t="s">
        <v>1708</v>
      </c>
      <c r="F312" s="16" t="s">
        <v>2413</v>
      </c>
      <c r="G312" s="15" t="s">
        <v>2131</v>
      </c>
      <c r="H312" s="10">
        <v>306</v>
      </c>
    </row>
    <row r="313" spans="1:8" s="10" customFormat="1" ht="45" customHeight="1" x14ac:dyDescent="0.15">
      <c r="A313" s="15" t="s">
        <v>107</v>
      </c>
      <c r="B313" s="17">
        <v>164</v>
      </c>
      <c r="C313" s="15" t="s">
        <v>385</v>
      </c>
      <c r="D313" s="16" t="s">
        <v>1006</v>
      </c>
      <c r="E313" s="16" t="s">
        <v>1709</v>
      </c>
      <c r="F313" s="16" t="s">
        <v>2460</v>
      </c>
      <c r="G313" s="15" t="s">
        <v>2154</v>
      </c>
      <c r="H313" s="10">
        <v>307</v>
      </c>
    </row>
    <row r="314" spans="1:8" s="10" customFormat="1" ht="45" customHeight="1" x14ac:dyDescent="0.15">
      <c r="A314" s="15" t="s">
        <v>107</v>
      </c>
      <c r="B314" s="17">
        <v>165</v>
      </c>
      <c r="C314" s="15" t="s">
        <v>386</v>
      </c>
      <c r="D314" s="16" t="s">
        <v>1091</v>
      </c>
      <c r="E314" s="16" t="s">
        <v>1710</v>
      </c>
      <c r="F314" s="16" t="s">
        <v>2425</v>
      </c>
      <c r="G314" s="15" t="s">
        <v>2131</v>
      </c>
      <c r="H314" s="10">
        <v>308</v>
      </c>
    </row>
    <row r="315" spans="1:8" s="10" customFormat="1" ht="45" customHeight="1" x14ac:dyDescent="0.15">
      <c r="A315" s="15" t="s">
        <v>107</v>
      </c>
      <c r="B315" s="17">
        <v>166</v>
      </c>
      <c r="C315" s="15" t="s">
        <v>387</v>
      </c>
      <c r="D315" s="16" t="s">
        <v>1092</v>
      </c>
      <c r="E315" s="16" t="s">
        <v>1711</v>
      </c>
      <c r="F315" s="16" t="s">
        <v>2461</v>
      </c>
      <c r="G315" s="15" t="s">
        <v>2131</v>
      </c>
      <c r="H315" s="10">
        <v>309</v>
      </c>
    </row>
    <row r="316" spans="1:8" s="10" customFormat="1" ht="45" customHeight="1" x14ac:dyDescent="0.15">
      <c r="A316" s="15" t="s">
        <v>21</v>
      </c>
      <c r="B316" s="17">
        <v>3</v>
      </c>
      <c r="C316" s="15" t="s">
        <v>388</v>
      </c>
      <c r="D316" s="16" t="s">
        <v>1093</v>
      </c>
      <c r="E316" s="16" t="s">
        <v>1712</v>
      </c>
      <c r="F316" s="16" t="s">
        <v>2462</v>
      </c>
      <c r="G316" s="15" t="s">
        <v>2174</v>
      </c>
      <c r="H316" s="10">
        <v>310</v>
      </c>
    </row>
    <row r="317" spans="1:8" s="10" customFormat="1" ht="45" customHeight="1" x14ac:dyDescent="0.15">
      <c r="A317" s="15" t="s">
        <v>21</v>
      </c>
      <c r="B317" s="17">
        <v>4</v>
      </c>
      <c r="C317" s="15" t="s">
        <v>389</v>
      </c>
      <c r="D317" s="16" t="s">
        <v>1094</v>
      </c>
      <c r="E317" s="16" t="s">
        <v>1713</v>
      </c>
      <c r="F317" s="16" t="s">
        <v>2463</v>
      </c>
      <c r="G317" s="15" t="s">
        <v>2174</v>
      </c>
      <c r="H317" s="10">
        <v>311</v>
      </c>
    </row>
    <row r="318" spans="1:8" s="10" customFormat="1" ht="45" customHeight="1" x14ac:dyDescent="0.15">
      <c r="A318" s="15" t="s">
        <v>21</v>
      </c>
      <c r="B318" s="17">
        <v>5</v>
      </c>
      <c r="C318" s="15" t="s">
        <v>390</v>
      </c>
      <c r="D318" s="16" t="s">
        <v>1095</v>
      </c>
      <c r="E318" s="16" t="s">
        <v>1714</v>
      </c>
      <c r="F318" s="16" t="s">
        <v>2464</v>
      </c>
      <c r="G318" s="16" t="s">
        <v>2131</v>
      </c>
      <c r="H318" s="10">
        <v>312</v>
      </c>
    </row>
    <row r="319" spans="1:8" s="10" customFormat="1" ht="45" customHeight="1" x14ac:dyDescent="0.15">
      <c r="A319" s="15" t="s">
        <v>21</v>
      </c>
      <c r="B319" s="17">
        <v>6</v>
      </c>
      <c r="C319" s="15" t="s">
        <v>391</v>
      </c>
      <c r="D319" s="16" t="s">
        <v>1096</v>
      </c>
      <c r="E319" s="16" t="s">
        <v>1715</v>
      </c>
      <c r="F319" s="16" t="s">
        <v>2465</v>
      </c>
      <c r="G319" s="16" t="s">
        <v>2193</v>
      </c>
      <c r="H319" s="10">
        <v>313</v>
      </c>
    </row>
    <row r="320" spans="1:8" s="10" customFormat="1" ht="45" customHeight="1" x14ac:dyDescent="0.15">
      <c r="A320" s="15" t="s">
        <v>21</v>
      </c>
      <c r="B320" s="17">
        <v>8</v>
      </c>
      <c r="C320" s="15" t="s">
        <v>44</v>
      </c>
      <c r="D320" s="16" t="s">
        <v>1097</v>
      </c>
      <c r="E320" s="16" t="s">
        <v>1716</v>
      </c>
      <c r="F320" s="16" t="s">
        <v>2464</v>
      </c>
      <c r="G320" s="16" t="s">
        <v>2131</v>
      </c>
      <c r="H320" s="10">
        <v>314</v>
      </c>
    </row>
    <row r="321" spans="1:8" s="10" customFormat="1" ht="45" customHeight="1" x14ac:dyDescent="0.15">
      <c r="A321" s="15" t="s">
        <v>21</v>
      </c>
      <c r="B321" s="17">
        <v>9</v>
      </c>
      <c r="C321" s="15" t="s">
        <v>392</v>
      </c>
      <c r="D321" s="16" t="s">
        <v>1098</v>
      </c>
      <c r="E321" s="16" t="s">
        <v>1717</v>
      </c>
      <c r="F321" s="16" t="s">
        <v>2466</v>
      </c>
      <c r="G321" s="16" t="s">
        <v>2131</v>
      </c>
      <c r="H321" s="10">
        <v>315</v>
      </c>
    </row>
    <row r="322" spans="1:8" s="10" customFormat="1" ht="45" customHeight="1" x14ac:dyDescent="0.15">
      <c r="A322" s="15" t="s">
        <v>21</v>
      </c>
      <c r="B322" s="17">
        <v>10</v>
      </c>
      <c r="C322" s="15" t="s">
        <v>393</v>
      </c>
      <c r="D322" s="16" t="s">
        <v>1099</v>
      </c>
      <c r="E322" s="16" t="s">
        <v>1718</v>
      </c>
      <c r="F322" s="16" t="s">
        <v>2467</v>
      </c>
      <c r="G322" s="16" t="s">
        <v>2174</v>
      </c>
      <c r="H322" s="10">
        <v>316</v>
      </c>
    </row>
    <row r="323" spans="1:8" s="10" customFormat="1" ht="45" customHeight="1" x14ac:dyDescent="0.15">
      <c r="A323" s="15" t="s">
        <v>21</v>
      </c>
      <c r="B323" s="17">
        <v>11</v>
      </c>
      <c r="C323" s="15" t="s">
        <v>394</v>
      </c>
      <c r="D323" s="16" t="s">
        <v>1100</v>
      </c>
      <c r="E323" s="16" t="s">
        <v>1719</v>
      </c>
      <c r="F323" s="16" t="s">
        <v>2468</v>
      </c>
      <c r="G323" s="15" t="s">
        <v>2174</v>
      </c>
      <c r="H323" s="10">
        <v>317</v>
      </c>
    </row>
    <row r="324" spans="1:8" s="10" customFormat="1" ht="45" customHeight="1" x14ac:dyDescent="0.15">
      <c r="A324" s="15" t="s">
        <v>21</v>
      </c>
      <c r="B324" s="17">
        <v>12</v>
      </c>
      <c r="C324" s="15" t="s">
        <v>395</v>
      </c>
      <c r="D324" s="16" t="s">
        <v>1101</v>
      </c>
      <c r="E324" s="16" t="s">
        <v>1720</v>
      </c>
      <c r="F324" s="16" t="s">
        <v>2469</v>
      </c>
      <c r="G324" s="15" t="s">
        <v>2174</v>
      </c>
      <c r="H324" s="10">
        <v>318</v>
      </c>
    </row>
    <row r="325" spans="1:8" s="10" customFormat="1" ht="45" customHeight="1" x14ac:dyDescent="0.15">
      <c r="A325" s="15" t="s">
        <v>21</v>
      </c>
      <c r="B325" s="17">
        <v>13</v>
      </c>
      <c r="C325" s="15" t="s">
        <v>396</v>
      </c>
      <c r="D325" s="16" t="s">
        <v>1102</v>
      </c>
      <c r="E325" s="16" t="s">
        <v>1721</v>
      </c>
      <c r="F325" s="16" t="s">
        <v>2470</v>
      </c>
      <c r="G325" s="15" t="s">
        <v>2174</v>
      </c>
      <c r="H325" s="10">
        <v>319</v>
      </c>
    </row>
    <row r="326" spans="1:8" s="10" customFormat="1" ht="45" customHeight="1" x14ac:dyDescent="0.15">
      <c r="A326" s="15" t="s">
        <v>21</v>
      </c>
      <c r="B326" s="17">
        <v>15</v>
      </c>
      <c r="C326" s="15" t="s">
        <v>397</v>
      </c>
      <c r="D326" s="16" t="s">
        <v>1103</v>
      </c>
      <c r="E326" s="16" t="s">
        <v>1722</v>
      </c>
      <c r="F326" s="16" t="s">
        <v>2471</v>
      </c>
      <c r="G326" s="15" t="s">
        <v>2174</v>
      </c>
      <c r="H326" s="10">
        <v>320</v>
      </c>
    </row>
    <row r="327" spans="1:8" s="10" customFormat="1" ht="45" customHeight="1" x14ac:dyDescent="0.15">
      <c r="A327" s="15" t="s">
        <v>21</v>
      </c>
      <c r="B327" s="17">
        <v>16</v>
      </c>
      <c r="C327" s="15" t="s">
        <v>398</v>
      </c>
      <c r="D327" s="16" t="s">
        <v>1103</v>
      </c>
      <c r="E327" s="16" t="s">
        <v>1723</v>
      </c>
      <c r="F327" s="16" t="s">
        <v>2465</v>
      </c>
      <c r="G327" s="15" t="s">
        <v>2174</v>
      </c>
      <c r="H327" s="10">
        <v>321</v>
      </c>
    </row>
    <row r="328" spans="1:8" s="10" customFormat="1" ht="45" customHeight="1" x14ac:dyDescent="0.15">
      <c r="A328" s="15" t="s">
        <v>108</v>
      </c>
      <c r="B328" s="17">
        <v>18</v>
      </c>
      <c r="C328" s="15" t="s">
        <v>399</v>
      </c>
      <c r="D328" s="16" t="s">
        <v>1104</v>
      </c>
      <c r="E328" s="16" t="s">
        <v>1724</v>
      </c>
      <c r="F328" s="16" t="s">
        <v>2472</v>
      </c>
      <c r="G328" s="15" t="s">
        <v>2174</v>
      </c>
      <c r="H328" s="10">
        <v>322</v>
      </c>
    </row>
    <row r="329" spans="1:8" s="10" customFormat="1" ht="45" customHeight="1" x14ac:dyDescent="0.15">
      <c r="A329" s="15" t="s">
        <v>108</v>
      </c>
      <c r="B329" s="17">
        <v>19</v>
      </c>
      <c r="C329" s="15" t="s">
        <v>400</v>
      </c>
      <c r="D329" s="16" t="s">
        <v>1105</v>
      </c>
      <c r="E329" s="16" t="s">
        <v>1725</v>
      </c>
      <c r="F329" s="16" t="s">
        <v>2473</v>
      </c>
      <c r="G329" s="15" t="s">
        <v>2194</v>
      </c>
      <c r="H329" s="10">
        <v>323</v>
      </c>
    </row>
    <row r="330" spans="1:8" s="10" customFormat="1" ht="45" customHeight="1" x14ac:dyDescent="0.15">
      <c r="A330" s="15" t="s">
        <v>108</v>
      </c>
      <c r="B330" s="17">
        <v>20</v>
      </c>
      <c r="C330" s="15" t="s">
        <v>401</v>
      </c>
      <c r="D330" s="16" t="s">
        <v>1106</v>
      </c>
      <c r="E330" s="16" t="s">
        <v>1726</v>
      </c>
      <c r="F330" s="16" t="s">
        <v>2469</v>
      </c>
      <c r="G330" s="15" t="s">
        <v>2131</v>
      </c>
      <c r="H330" s="10">
        <v>324</v>
      </c>
    </row>
    <row r="331" spans="1:8" s="10" customFormat="1" ht="45" customHeight="1" x14ac:dyDescent="0.15">
      <c r="A331" s="15" t="s">
        <v>108</v>
      </c>
      <c r="B331" s="17">
        <v>21</v>
      </c>
      <c r="C331" s="15" t="s">
        <v>402</v>
      </c>
      <c r="D331" s="16" t="s">
        <v>1107</v>
      </c>
      <c r="E331" s="16" t="s">
        <v>1727</v>
      </c>
      <c r="F331" s="16" t="s">
        <v>2474</v>
      </c>
      <c r="G331" s="15" t="s">
        <v>2131</v>
      </c>
      <c r="H331" s="10">
        <v>325</v>
      </c>
    </row>
    <row r="332" spans="1:8" s="10" customFormat="1" ht="45" customHeight="1" x14ac:dyDescent="0.15">
      <c r="A332" s="15" t="s">
        <v>108</v>
      </c>
      <c r="B332" s="17">
        <v>22</v>
      </c>
      <c r="C332" s="15" t="s">
        <v>403</v>
      </c>
      <c r="D332" s="16" t="s">
        <v>1107</v>
      </c>
      <c r="E332" s="16" t="s">
        <v>1728</v>
      </c>
      <c r="F332" s="16" t="s">
        <v>2267</v>
      </c>
      <c r="G332" s="15" t="s">
        <v>2131</v>
      </c>
      <c r="H332" s="10">
        <v>326</v>
      </c>
    </row>
    <row r="333" spans="1:8" s="10" customFormat="1" ht="45" customHeight="1" x14ac:dyDescent="0.15">
      <c r="A333" s="15" t="s">
        <v>108</v>
      </c>
      <c r="B333" s="17">
        <v>23</v>
      </c>
      <c r="C333" s="15" t="s">
        <v>404</v>
      </c>
      <c r="D333" s="16" t="s">
        <v>1108</v>
      </c>
      <c r="E333" s="16" t="s">
        <v>1729</v>
      </c>
      <c r="F333" s="16" t="s">
        <v>2475</v>
      </c>
      <c r="G333" s="15" t="s">
        <v>2131</v>
      </c>
      <c r="H333" s="10">
        <v>327</v>
      </c>
    </row>
    <row r="334" spans="1:8" s="10" customFormat="1" ht="45" customHeight="1" x14ac:dyDescent="0.15">
      <c r="A334" s="15" t="s">
        <v>108</v>
      </c>
      <c r="B334" s="17">
        <v>24</v>
      </c>
      <c r="C334" s="15" t="s">
        <v>405</v>
      </c>
      <c r="D334" s="16" t="s">
        <v>1109</v>
      </c>
      <c r="E334" s="16" t="s">
        <v>1730</v>
      </c>
      <c r="F334" s="16" t="s">
        <v>2476</v>
      </c>
      <c r="G334" s="15" t="s">
        <v>2131</v>
      </c>
      <c r="H334" s="10">
        <v>328</v>
      </c>
    </row>
    <row r="335" spans="1:8" s="10" customFormat="1" ht="45" customHeight="1" x14ac:dyDescent="0.15">
      <c r="A335" s="15" t="s">
        <v>108</v>
      </c>
      <c r="B335" s="17">
        <v>25</v>
      </c>
      <c r="C335" s="15" t="s">
        <v>406</v>
      </c>
      <c r="D335" s="16" t="s">
        <v>1095</v>
      </c>
      <c r="E335" s="16" t="s">
        <v>1731</v>
      </c>
      <c r="F335" s="16" t="s">
        <v>2268</v>
      </c>
      <c r="G335" s="15" t="s">
        <v>2131</v>
      </c>
      <c r="H335" s="10">
        <v>329</v>
      </c>
    </row>
    <row r="336" spans="1:8" s="10" customFormat="1" ht="45" customHeight="1" x14ac:dyDescent="0.15">
      <c r="A336" s="15" t="s">
        <v>108</v>
      </c>
      <c r="B336" s="17">
        <v>26</v>
      </c>
      <c r="C336" s="15" t="s">
        <v>407</v>
      </c>
      <c r="D336" s="16" t="s">
        <v>1110</v>
      </c>
      <c r="E336" s="16" t="s">
        <v>1732</v>
      </c>
      <c r="F336" s="16" t="s">
        <v>2477</v>
      </c>
      <c r="G336" s="15" t="s">
        <v>2131</v>
      </c>
      <c r="H336" s="10">
        <v>330</v>
      </c>
    </row>
    <row r="337" spans="1:8" s="10" customFormat="1" ht="45" customHeight="1" x14ac:dyDescent="0.15">
      <c r="A337" s="15" t="s">
        <v>108</v>
      </c>
      <c r="B337" s="17">
        <v>28</v>
      </c>
      <c r="C337" s="15" t="s">
        <v>408</v>
      </c>
      <c r="D337" s="16" t="s">
        <v>1111</v>
      </c>
      <c r="E337" s="16" t="s">
        <v>1733</v>
      </c>
      <c r="F337" s="16" t="s">
        <v>2323</v>
      </c>
      <c r="G337" s="15" t="s">
        <v>87</v>
      </c>
      <c r="H337" s="10">
        <v>331</v>
      </c>
    </row>
    <row r="338" spans="1:8" s="10" customFormat="1" ht="45" customHeight="1" x14ac:dyDescent="0.15">
      <c r="A338" s="15" t="s">
        <v>108</v>
      </c>
      <c r="B338" s="17">
        <v>29</v>
      </c>
      <c r="C338" s="15" t="s">
        <v>409</v>
      </c>
      <c r="D338" s="16" t="s">
        <v>1112</v>
      </c>
      <c r="E338" s="16" t="s">
        <v>1734</v>
      </c>
      <c r="F338" s="16" t="s">
        <v>2466</v>
      </c>
      <c r="G338" s="15" t="s">
        <v>2131</v>
      </c>
      <c r="H338" s="10">
        <v>332</v>
      </c>
    </row>
    <row r="339" spans="1:8" s="10" customFormat="1" ht="45" customHeight="1" x14ac:dyDescent="0.15">
      <c r="A339" s="15" t="s">
        <v>108</v>
      </c>
      <c r="B339" s="17">
        <v>30</v>
      </c>
      <c r="C339" s="15" t="s">
        <v>410</v>
      </c>
      <c r="D339" s="16" t="s">
        <v>1095</v>
      </c>
      <c r="E339" s="16" t="s">
        <v>1735</v>
      </c>
      <c r="F339" s="16" t="s">
        <v>2478</v>
      </c>
      <c r="G339" s="15" t="s">
        <v>2195</v>
      </c>
      <c r="H339" s="10">
        <v>333</v>
      </c>
    </row>
    <row r="340" spans="1:8" s="10" customFormat="1" ht="45" customHeight="1" x14ac:dyDescent="0.15">
      <c r="A340" s="15" t="s">
        <v>108</v>
      </c>
      <c r="B340" s="17">
        <v>31</v>
      </c>
      <c r="C340" s="15" t="s">
        <v>411</v>
      </c>
      <c r="D340" s="16" t="s">
        <v>50</v>
      </c>
      <c r="E340" s="16" t="s">
        <v>1736</v>
      </c>
      <c r="F340" s="16" t="s">
        <v>2450</v>
      </c>
      <c r="G340" s="15" t="s">
        <v>2131</v>
      </c>
      <c r="H340" s="10">
        <v>334</v>
      </c>
    </row>
    <row r="341" spans="1:8" s="12" customFormat="1" ht="45" customHeight="1" x14ac:dyDescent="0.15">
      <c r="A341" s="15" t="s">
        <v>108</v>
      </c>
      <c r="B341" s="17">
        <v>34</v>
      </c>
      <c r="C341" s="15" t="s">
        <v>412</v>
      </c>
      <c r="D341" s="16" t="s">
        <v>1105</v>
      </c>
      <c r="E341" s="16" t="s">
        <v>1737</v>
      </c>
      <c r="F341" s="16" t="s">
        <v>2479</v>
      </c>
      <c r="G341" s="15" t="s">
        <v>2131</v>
      </c>
      <c r="H341" s="10">
        <v>335</v>
      </c>
    </row>
    <row r="342" spans="1:8" s="12" customFormat="1" ht="45" customHeight="1" x14ac:dyDescent="0.15">
      <c r="A342" s="15" t="s">
        <v>108</v>
      </c>
      <c r="B342" s="17">
        <v>35</v>
      </c>
      <c r="C342" s="15" t="s">
        <v>413</v>
      </c>
      <c r="D342" s="16" t="s">
        <v>46</v>
      </c>
      <c r="E342" s="16" t="s">
        <v>1738</v>
      </c>
      <c r="F342" s="16" t="s">
        <v>2480</v>
      </c>
      <c r="G342" s="15" t="s">
        <v>85</v>
      </c>
      <c r="H342" s="10">
        <v>336</v>
      </c>
    </row>
    <row r="343" spans="1:8" s="12" customFormat="1" ht="45" customHeight="1" x14ac:dyDescent="0.15">
      <c r="A343" s="15" t="s">
        <v>108</v>
      </c>
      <c r="B343" s="17">
        <v>37</v>
      </c>
      <c r="C343" s="15" t="s">
        <v>414</v>
      </c>
      <c r="D343" s="16" t="s">
        <v>1102</v>
      </c>
      <c r="E343" s="16" t="s">
        <v>1739</v>
      </c>
      <c r="F343" s="16" t="s">
        <v>2470</v>
      </c>
      <c r="G343" s="15" t="s">
        <v>2131</v>
      </c>
      <c r="H343" s="10">
        <v>337</v>
      </c>
    </row>
    <row r="344" spans="1:8" s="13" customFormat="1" ht="45" customHeight="1" x14ac:dyDescent="0.15">
      <c r="A344" s="15" t="s">
        <v>108</v>
      </c>
      <c r="B344" s="17">
        <v>38</v>
      </c>
      <c r="C344" s="15" t="s">
        <v>415</v>
      </c>
      <c r="D344" s="16" t="s">
        <v>1102</v>
      </c>
      <c r="E344" s="16" t="s">
        <v>1740</v>
      </c>
      <c r="F344" s="16" t="s">
        <v>2476</v>
      </c>
      <c r="G344" s="15" t="s">
        <v>2174</v>
      </c>
      <c r="H344" s="10">
        <v>338</v>
      </c>
    </row>
    <row r="345" spans="1:8" s="13" customFormat="1" ht="45" customHeight="1" x14ac:dyDescent="0.15">
      <c r="A345" s="15" t="s">
        <v>108</v>
      </c>
      <c r="B345" s="17">
        <v>39</v>
      </c>
      <c r="C345" s="15" t="s">
        <v>416</v>
      </c>
      <c r="D345" s="16" t="s">
        <v>1113</v>
      </c>
      <c r="E345" s="16" t="s">
        <v>1741</v>
      </c>
      <c r="F345" s="16" t="s">
        <v>2481</v>
      </c>
      <c r="G345" s="15" t="s">
        <v>2131</v>
      </c>
      <c r="H345" s="10">
        <v>339</v>
      </c>
    </row>
    <row r="346" spans="1:8" s="10" customFormat="1" ht="45" customHeight="1" x14ac:dyDescent="0.15">
      <c r="A346" s="15" t="s">
        <v>108</v>
      </c>
      <c r="B346" s="17">
        <v>40</v>
      </c>
      <c r="C346" s="15" t="s">
        <v>417</v>
      </c>
      <c r="D346" s="16" t="s">
        <v>1114</v>
      </c>
      <c r="E346" s="16" t="s">
        <v>1742</v>
      </c>
      <c r="F346" s="16" t="s">
        <v>2269</v>
      </c>
      <c r="G346" s="15" t="s">
        <v>2196</v>
      </c>
      <c r="H346" s="10">
        <v>340</v>
      </c>
    </row>
    <row r="347" spans="1:8" s="10" customFormat="1" ht="45" customHeight="1" x14ac:dyDescent="0.15">
      <c r="A347" s="15" t="s">
        <v>108</v>
      </c>
      <c r="B347" s="17">
        <v>41</v>
      </c>
      <c r="C347" s="15" t="s">
        <v>418</v>
      </c>
      <c r="D347" s="16" t="s">
        <v>1114</v>
      </c>
      <c r="E347" s="16" t="s">
        <v>1743</v>
      </c>
      <c r="F347" s="16" t="s">
        <v>2482</v>
      </c>
      <c r="G347" s="16" t="s">
        <v>2196</v>
      </c>
      <c r="H347" s="10">
        <v>341</v>
      </c>
    </row>
    <row r="348" spans="1:8" s="10" customFormat="1" ht="45" customHeight="1" x14ac:dyDescent="0.15">
      <c r="A348" s="15" t="s">
        <v>108</v>
      </c>
      <c r="B348" s="17">
        <v>42</v>
      </c>
      <c r="C348" s="15" t="s">
        <v>419</v>
      </c>
      <c r="D348" s="16" t="s">
        <v>1115</v>
      </c>
      <c r="E348" s="16" t="s">
        <v>1744</v>
      </c>
      <c r="F348" s="16" t="s">
        <v>2270</v>
      </c>
      <c r="G348" s="16" t="s">
        <v>2196</v>
      </c>
      <c r="H348" s="10">
        <v>342</v>
      </c>
    </row>
    <row r="349" spans="1:8" s="10" customFormat="1" ht="45" customHeight="1" x14ac:dyDescent="0.15">
      <c r="A349" s="15" t="s">
        <v>108</v>
      </c>
      <c r="B349" s="17">
        <v>44</v>
      </c>
      <c r="C349" s="15" t="s">
        <v>420</v>
      </c>
      <c r="D349" s="16" t="s">
        <v>1116</v>
      </c>
      <c r="E349" s="16" t="s">
        <v>1745</v>
      </c>
      <c r="F349" s="16" t="s">
        <v>2463</v>
      </c>
      <c r="G349" s="16" t="s">
        <v>2131</v>
      </c>
      <c r="H349" s="10">
        <v>343</v>
      </c>
    </row>
    <row r="350" spans="1:8" s="10" customFormat="1" ht="45" customHeight="1" x14ac:dyDescent="0.15">
      <c r="A350" s="15" t="s">
        <v>108</v>
      </c>
      <c r="B350" s="17">
        <v>45</v>
      </c>
      <c r="C350" s="15" t="s">
        <v>421</v>
      </c>
      <c r="D350" s="16" t="s">
        <v>1117</v>
      </c>
      <c r="E350" s="16" t="s">
        <v>1745</v>
      </c>
      <c r="F350" s="16" t="s">
        <v>2483</v>
      </c>
      <c r="G350" s="16" t="s">
        <v>2197</v>
      </c>
      <c r="H350" s="10">
        <v>344</v>
      </c>
    </row>
    <row r="351" spans="1:8" s="10" customFormat="1" ht="45" customHeight="1" x14ac:dyDescent="0.15">
      <c r="A351" s="15" t="s">
        <v>108</v>
      </c>
      <c r="B351" s="17">
        <v>46</v>
      </c>
      <c r="C351" s="15" t="s">
        <v>422</v>
      </c>
      <c r="D351" s="16" t="s">
        <v>1115</v>
      </c>
      <c r="E351" s="16" t="s">
        <v>1746</v>
      </c>
      <c r="F351" s="16" t="s">
        <v>2473</v>
      </c>
      <c r="G351" s="16" t="s">
        <v>2174</v>
      </c>
      <c r="H351" s="10">
        <v>345</v>
      </c>
    </row>
    <row r="352" spans="1:8" s="10" customFormat="1" ht="45" customHeight="1" x14ac:dyDescent="0.15">
      <c r="A352" s="15" t="s">
        <v>108</v>
      </c>
      <c r="B352" s="17">
        <v>47</v>
      </c>
      <c r="C352" s="15" t="s">
        <v>423</v>
      </c>
      <c r="D352" s="16" t="s">
        <v>1118</v>
      </c>
      <c r="E352" s="16" t="s">
        <v>1747</v>
      </c>
      <c r="F352" s="16" t="s">
        <v>2467</v>
      </c>
      <c r="G352" s="16" t="s">
        <v>2174</v>
      </c>
      <c r="H352" s="10">
        <v>346</v>
      </c>
    </row>
    <row r="353" spans="1:8" s="10" customFormat="1" ht="45" customHeight="1" x14ac:dyDescent="0.15">
      <c r="A353" s="15" t="s">
        <v>108</v>
      </c>
      <c r="B353" s="17">
        <v>48</v>
      </c>
      <c r="C353" s="15" t="s">
        <v>424</v>
      </c>
      <c r="D353" s="16" t="s">
        <v>1118</v>
      </c>
      <c r="E353" s="16" t="s">
        <v>1748</v>
      </c>
      <c r="F353" s="16" t="s">
        <v>2484</v>
      </c>
      <c r="G353" s="16" t="s">
        <v>2174</v>
      </c>
      <c r="H353" s="10">
        <v>347</v>
      </c>
    </row>
    <row r="354" spans="1:8" s="10" customFormat="1" ht="45" customHeight="1" x14ac:dyDescent="0.15">
      <c r="A354" s="15" t="s">
        <v>108</v>
      </c>
      <c r="B354" s="17">
        <v>49</v>
      </c>
      <c r="C354" s="15" t="s">
        <v>425</v>
      </c>
      <c r="D354" s="16" t="s">
        <v>1119</v>
      </c>
      <c r="E354" s="16" t="s">
        <v>1749</v>
      </c>
      <c r="F354" s="16" t="s">
        <v>2463</v>
      </c>
      <c r="G354" s="16" t="s">
        <v>2194</v>
      </c>
      <c r="H354" s="10">
        <v>348</v>
      </c>
    </row>
    <row r="355" spans="1:8" s="10" customFormat="1" ht="45" customHeight="1" x14ac:dyDescent="0.15">
      <c r="A355" s="15" t="s">
        <v>108</v>
      </c>
      <c r="B355" s="17">
        <v>50</v>
      </c>
      <c r="C355" s="15" t="s">
        <v>426</v>
      </c>
      <c r="D355" s="16" t="s">
        <v>1114</v>
      </c>
      <c r="E355" s="16" t="s">
        <v>1743</v>
      </c>
      <c r="F355" s="16" t="s">
        <v>2485</v>
      </c>
      <c r="G355" s="16" t="s">
        <v>2174</v>
      </c>
      <c r="H355" s="10">
        <v>349</v>
      </c>
    </row>
    <row r="356" spans="1:8" s="10" customFormat="1" ht="45" customHeight="1" x14ac:dyDescent="0.15">
      <c r="A356" s="15" t="s">
        <v>108</v>
      </c>
      <c r="B356" s="17">
        <v>51</v>
      </c>
      <c r="C356" s="15" t="s">
        <v>427</v>
      </c>
      <c r="D356" s="16" t="s">
        <v>1101</v>
      </c>
      <c r="E356" s="16" t="s">
        <v>1720</v>
      </c>
      <c r="F356" s="16" t="s">
        <v>2474</v>
      </c>
      <c r="G356" s="16" t="s">
        <v>2174</v>
      </c>
      <c r="H356" s="10">
        <v>350</v>
      </c>
    </row>
    <row r="357" spans="1:8" s="10" customFormat="1" ht="45" customHeight="1" x14ac:dyDescent="0.15">
      <c r="A357" s="15" t="s">
        <v>108</v>
      </c>
      <c r="B357" s="17">
        <v>52</v>
      </c>
      <c r="C357" s="15" t="s">
        <v>428</v>
      </c>
      <c r="D357" s="16" t="s">
        <v>1114</v>
      </c>
      <c r="E357" s="16" t="s">
        <v>1750</v>
      </c>
      <c r="F357" s="16" t="s">
        <v>2474</v>
      </c>
      <c r="G357" s="16" t="s">
        <v>2174</v>
      </c>
      <c r="H357" s="10">
        <v>351</v>
      </c>
    </row>
    <row r="358" spans="1:8" s="10" customFormat="1" ht="45" customHeight="1" x14ac:dyDescent="0.15">
      <c r="A358" s="15" t="s">
        <v>108</v>
      </c>
      <c r="B358" s="17">
        <v>53</v>
      </c>
      <c r="C358" s="15" t="s">
        <v>429</v>
      </c>
      <c r="D358" s="16" t="s">
        <v>1120</v>
      </c>
      <c r="E358" s="16" t="s">
        <v>1751</v>
      </c>
      <c r="F358" s="16" t="s">
        <v>2450</v>
      </c>
      <c r="G358" s="16" t="s">
        <v>2131</v>
      </c>
      <c r="H358" s="10">
        <v>352</v>
      </c>
    </row>
    <row r="359" spans="1:8" s="10" customFormat="1" ht="45" customHeight="1" x14ac:dyDescent="0.15">
      <c r="A359" s="15" t="s">
        <v>108</v>
      </c>
      <c r="B359" s="17">
        <v>54</v>
      </c>
      <c r="C359" s="15" t="s">
        <v>430</v>
      </c>
      <c r="D359" s="16" t="s">
        <v>1121</v>
      </c>
      <c r="E359" s="16" t="s">
        <v>1752</v>
      </c>
      <c r="F359" s="16" t="s">
        <v>2486</v>
      </c>
      <c r="G359" s="16" t="s">
        <v>87</v>
      </c>
      <c r="H359" s="10">
        <v>353</v>
      </c>
    </row>
    <row r="360" spans="1:8" s="10" customFormat="1" ht="45" customHeight="1" x14ac:dyDescent="0.15">
      <c r="A360" s="15" t="s">
        <v>108</v>
      </c>
      <c r="B360" s="17">
        <v>55</v>
      </c>
      <c r="C360" s="15" t="s">
        <v>431</v>
      </c>
      <c r="D360" s="16" t="s">
        <v>1122</v>
      </c>
      <c r="E360" s="16" t="s">
        <v>1753</v>
      </c>
      <c r="F360" s="16" t="s">
        <v>2450</v>
      </c>
      <c r="G360" s="16" t="s">
        <v>2193</v>
      </c>
      <c r="H360" s="10">
        <v>354</v>
      </c>
    </row>
    <row r="361" spans="1:8" s="10" customFormat="1" ht="45" customHeight="1" x14ac:dyDescent="0.15">
      <c r="A361" s="15" t="s">
        <v>108</v>
      </c>
      <c r="B361" s="17">
        <v>56</v>
      </c>
      <c r="C361" s="15" t="s">
        <v>432</v>
      </c>
      <c r="D361" s="16" t="s">
        <v>1123</v>
      </c>
      <c r="E361" s="16" t="s">
        <v>1754</v>
      </c>
      <c r="F361" s="16" t="s">
        <v>2487</v>
      </c>
      <c r="G361" s="16" t="s">
        <v>2193</v>
      </c>
      <c r="H361" s="10">
        <v>355</v>
      </c>
    </row>
    <row r="362" spans="1:8" s="10" customFormat="1" ht="45" customHeight="1" x14ac:dyDescent="0.15">
      <c r="A362" s="15" t="s">
        <v>108</v>
      </c>
      <c r="B362" s="17">
        <v>57</v>
      </c>
      <c r="C362" s="15" t="s">
        <v>433</v>
      </c>
      <c r="D362" s="16" t="s">
        <v>1124</v>
      </c>
      <c r="E362" s="16" t="s">
        <v>1755</v>
      </c>
      <c r="F362" s="16" t="s">
        <v>2478</v>
      </c>
      <c r="G362" s="16" t="s">
        <v>2131</v>
      </c>
      <c r="H362" s="10">
        <v>356</v>
      </c>
    </row>
    <row r="363" spans="1:8" s="10" customFormat="1" ht="45" customHeight="1" x14ac:dyDescent="0.15">
      <c r="A363" s="15" t="s">
        <v>108</v>
      </c>
      <c r="B363" s="17">
        <v>60</v>
      </c>
      <c r="C363" s="15" t="s">
        <v>434</v>
      </c>
      <c r="D363" s="16" t="s">
        <v>5</v>
      </c>
      <c r="E363" s="16" t="s">
        <v>1756</v>
      </c>
      <c r="F363" s="16" t="s">
        <v>2463</v>
      </c>
      <c r="G363" s="15" t="s">
        <v>2131</v>
      </c>
      <c r="H363" s="10">
        <v>357</v>
      </c>
    </row>
    <row r="364" spans="1:8" s="10" customFormat="1" ht="45" customHeight="1" x14ac:dyDescent="0.15">
      <c r="A364" s="15" t="s">
        <v>108</v>
      </c>
      <c r="B364" s="17">
        <v>61</v>
      </c>
      <c r="C364" s="15" t="s">
        <v>435</v>
      </c>
      <c r="D364" s="16" t="s">
        <v>1125</v>
      </c>
      <c r="E364" s="16" t="s">
        <v>1757</v>
      </c>
      <c r="F364" s="16" t="s">
        <v>2477</v>
      </c>
      <c r="G364" s="16" t="s">
        <v>2131</v>
      </c>
      <c r="H364" s="10">
        <v>358</v>
      </c>
    </row>
    <row r="365" spans="1:8" s="10" customFormat="1" ht="45" customHeight="1" x14ac:dyDescent="0.15">
      <c r="A365" s="15" t="s">
        <v>108</v>
      </c>
      <c r="B365" s="17">
        <v>62</v>
      </c>
      <c r="C365" s="15" t="s">
        <v>436</v>
      </c>
      <c r="D365" s="16" t="s">
        <v>1126</v>
      </c>
      <c r="E365" s="16" t="s">
        <v>1758</v>
      </c>
      <c r="F365" s="16" t="s">
        <v>2488</v>
      </c>
      <c r="G365" s="16" t="s">
        <v>85</v>
      </c>
      <c r="H365" s="10">
        <v>359</v>
      </c>
    </row>
    <row r="366" spans="1:8" s="10" customFormat="1" ht="45" customHeight="1" x14ac:dyDescent="0.15">
      <c r="A366" s="15" t="s">
        <v>108</v>
      </c>
      <c r="B366" s="17">
        <v>65</v>
      </c>
      <c r="C366" s="15" t="s">
        <v>437</v>
      </c>
      <c r="D366" s="16" t="s">
        <v>1126</v>
      </c>
      <c r="E366" s="16" t="s">
        <v>1759</v>
      </c>
      <c r="F366" s="16" t="s">
        <v>2471</v>
      </c>
      <c r="G366" s="16" t="s">
        <v>2174</v>
      </c>
      <c r="H366" s="10">
        <v>360</v>
      </c>
    </row>
    <row r="367" spans="1:8" s="10" customFormat="1" ht="45" customHeight="1" x14ac:dyDescent="0.15">
      <c r="A367" s="15" t="s">
        <v>108</v>
      </c>
      <c r="B367" s="17">
        <v>66</v>
      </c>
      <c r="C367" s="15" t="s">
        <v>438</v>
      </c>
      <c r="D367" s="16" t="s">
        <v>1127</v>
      </c>
      <c r="E367" s="16" t="s">
        <v>1760</v>
      </c>
      <c r="F367" s="16" t="s">
        <v>2489</v>
      </c>
      <c r="G367" s="16" t="s">
        <v>85</v>
      </c>
      <c r="H367" s="10">
        <v>361</v>
      </c>
    </row>
    <row r="368" spans="1:8" s="10" customFormat="1" ht="45" customHeight="1" x14ac:dyDescent="0.15">
      <c r="A368" s="15" t="s">
        <v>108</v>
      </c>
      <c r="B368" s="18">
        <v>67</v>
      </c>
      <c r="C368" s="15" t="s">
        <v>439</v>
      </c>
      <c r="D368" s="15" t="s">
        <v>43</v>
      </c>
      <c r="E368" s="16" t="s">
        <v>1761</v>
      </c>
      <c r="F368" s="15" t="s">
        <v>2478</v>
      </c>
      <c r="G368" s="15" t="s">
        <v>2131</v>
      </c>
      <c r="H368" s="10">
        <v>362</v>
      </c>
    </row>
    <row r="369" spans="1:8" s="10" customFormat="1" ht="45" customHeight="1" x14ac:dyDescent="0.15">
      <c r="A369" s="15" t="s">
        <v>108</v>
      </c>
      <c r="B369" s="18">
        <v>68</v>
      </c>
      <c r="C369" s="15" t="s">
        <v>440</v>
      </c>
      <c r="D369" s="15" t="s">
        <v>1100</v>
      </c>
      <c r="E369" s="16" t="s">
        <v>1762</v>
      </c>
      <c r="F369" s="15" t="s">
        <v>2469</v>
      </c>
      <c r="G369" s="15" t="s">
        <v>2131</v>
      </c>
      <c r="H369" s="10">
        <v>363</v>
      </c>
    </row>
    <row r="370" spans="1:8" s="10" customFormat="1" ht="45" customHeight="1" x14ac:dyDescent="0.15">
      <c r="A370" s="15" t="s">
        <v>108</v>
      </c>
      <c r="B370" s="18">
        <v>69</v>
      </c>
      <c r="C370" s="15" t="s">
        <v>441</v>
      </c>
      <c r="D370" s="15" t="s">
        <v>1128</v>
      </c>
      <c r="E370" s="16" t="s">
        <v>1763</v>
      </c>
      <c r="F370" s="15" t="s">
        <v>2478</v>
      </c>
      <c r="G370" s="16" t="s">
        <v>2718</v>
      </c>
      <c r="H370" s="10">
        <v>364</v>
      </c>
    </row>
    <row r="371" spans="1:8" s="10" customFormat="1" ht="45" customHeight="1" x14ac:dyDescent="0.15">
      <c r="A371" s="15" t="s">
        <v>108</v>
      </c>
      <c r="B371" s="18">
        <v>71</v>
      </c>
      <c r="C371" s="15" t="s">
        <v>442</v>
      </c>
      <c r="D371" s="15" t="s">
        <v>1129</v>
      </c>
      <c r="E371" s="16" t="s">
        <v>1764</v>
      </c>
      <c r="F371" s="15" t="s">
        <v>2490</v>
      </c>
      <c r="G371" s="15" t="s">
        <v>86</v>
      </c>
      <c r="H371" s="10">
        <v>365</v>
      </c>
    </row>
    <row r="372" spans="1:8" s="10" customFormat="1" ht="45" customHeight="1" x14ac:dyDescent="0.15">
      <c r="A372" s="15" t="s">
        <v>108</v>
      </c>
      <c r="B372" s="18">
        <v>72</v>
      </c>
      <c r="C372" s="15" t="s">
        <v>443</v>
      </c>
      <c r="D372" s="15" t="s">
        <v>1129</v>
      </c>
      <c r="E372" s="16" t="s">
        <v>1765</v>
      </c>
      <c r="F372" s="15" t="s">
        <v>2491</v>
      </c>
      <c r="G372" s="15" t="s">
        <v>86</v>
      </c>
      <c r="H372" s="10">
        <v>366</v>
      </c>
    </row>
    <row r="373" spans="1:8" s="10" customFormat="1" ht="45" customHeight="1" x14ac:dyDescent="0.15">
      <c r="A373" s="15" t="s">
        <v>108</v>
      </c>
      <c r="B373" s="18">
        <v>73</v>
      </c>
      <c r="C373" s="15" t="s">
        <v>444</v>
      </c>
      <c r="D373" s="15" t="s">
        <v>1129</v>
      </c>
      <c r="E373" s="16" t="s">
        <v>1766</v>
      </c>
      <c r="F373" s="15" t="s">
        <v>2484</v>
      </c>
      <c r="G373" s="16" t="s">
        <v>2198</v>
      </c>
      <c r="H373" s="10">
        <v>367</v>
      </c>
    </row>
    <row r="374" spans="1:8" s="10" customFormat="1" ht="45" customHeight="1" x14ac:dyDescent="0.15">
      <c r="A374" s="15" t="s">
        <v>108</v>
      </c>
      <c r="B374" s="18">
        <v>74</v>
      </c>
      <c r="C374" s="15" t="s">
        <v>445</v>
      </c>
      <c r="D374" s="15" t="s">
        <v>1104</v>
      </c>
      <c r="E374" s="16" t="s">
        <v>1724</v>
      </c>
      <c r="F374" s="15" t="s">
        <v>2271</v>
      </c>
      <c r="G374" s="15" t="s">
        <v>2718</v>
      </c>
      <c r="H374" s="10">
        <v>368</v>
      </c>
    </row>
    <row r="375" spans="1:8" s="10" customFormat="1" ht="45" customHeight="1" x14ac:dyDescent="0.15">
      <c r="A375" s="15" t="s">
        <v>108</v>
      </c>
      <c r="B375" s="18">
        <v>75</v>
      </c>
      <c r="C375" s="15" t="s">
        <v>446</v>
      </c>
      <c r="D375" s="15" t="s">
        <v>1130</v>
      </c>
      <c r="E375" s="16" t="s">
        <v>1767</v>
      </c>
      <c r="F375" s="15" t="s">
        <v>2492</v>
      </c>
      <c r="G375" s="15" t="s">
        <v>2131</v>
      </c>
      <c r="H375" s="10">
        <v>369</v>
      </c>
    </row>
    <row r="376" spans="1:8" s="10" customFormat="1" ht="45" customHeight="1" x14ac:dyDescent="0.15">
      <c r="A376" s="15" t="s">
        <v>108</v>
      </c>
      <c r="B376" s="18">
        <v>76</v>
      </c>
      <c r="C376" s="15" t="s">
        <v>447</v>
      </c>
      <c r="D376" s="15" t="s">
        <v>1131</v>
      </c>
      <c r="E376" s="16" t="s">
        <v>1768</v>
      </c>
      <c r="F376" s="15" t="s">
        <v>2493</v>
      </c>
      <c r="G376" s="15" t="s">
        <v>87</v>
      </c>
      <c r="H376" s="10">
        <v>370</v>
      </c>
    </row>
    <row r="377" spans="1:8" s="10" customFormat="1" ht="45" customHeight="1" x14ac:dyDescent="0.15">
      <c r="A377" s="15" t="s">
        <v>108</v>
      </c>
      <c r="B377" s="18">
        <v>80</v>
      </c>
      <c r="C377" s="15" t="s">
        <v>448</v>
      </c>
      <c r="D377" s="15" t="s">
        <v>1132</v>
      </c>
      <c r="E377" s="16" t="s">
        <v>2227</v>
      </c>
      <c r="F377" s="15" t="s">
        <v>2272</v>
      </c>
      <c r="G377" s="16" t="s">
        <v>2131</v>
      </c>
      <c r="H377" s="10">
        <v>371</v>
      </c>
    </row>
    <row r="378" spans="1:8" s="10" customFormat="1" ht="45" customHeight="1" x14ac:dyDescent="0.15">
      <c r="A378" s="15" t="s">
        <v>108</v>
      </c>
      <c r="B378" s="18">
        <v>81</v>
      </c>
      <c r="C378" s="15" t="s">
        <v>449</v>
      </c>
      <c r="D378" s="15" t="s">
        <v>1132</v>
      </c>
      <c r="E378" s="16" t="s">
        <v>1769</v>
      </c>
      <c r="F378" s="15" t="s">
        <v>2479</v>
      </c>
      <c r="G378" s="16" t="s">
        <v>2131</v>
      </c>
      <c r="H378" s="10">
        <v>372</v>
      </c>
    </row>
    <row r="379" spans="1:8" s="10" customFormat="1" ht="45" customHeight="1" x14ac:dyDescent="0.15">
      <c r="A379" s="15" t="s">
        <v>108</v>
      </c>
      <c r="B379" s="18">
        <v>82</v>
      </c>
      <c r="C379" s="15" t="s">
        <v>450</v>
      </c>
      <c r="D379" s="15" t="s">
        <v>1132</v>
      </c>
      <c r="E379" s="16" t="s">
        <v>1770</v>
      </c>
      <c r="F379" s="15" t="s">
        <v>2494</v>
      </c>
      <c r="G379" s="15" t="s">
        <v>2131</v>
      </c>
      <c r="H379" s="10">
        <v>373</v>
      </c>
    </row>
    <row r="380" spans="1:8" s="10" customFormat="1" ht="45" customHeight="1" x14ac:dyDescent="0.15">
      <c r="A380" s="15" t="s">
        <v>108</v>
      </c>
      <c r="B380" s="18">
        <v>83</v>
      </c>
      <c r="C380" s="15" t="s">
        <v>451</v>
      </c>
      <c r="D380" s="15" t="s">
        <v>1132</v>
      </c>
      <c r="E380" s="16" t="s">
        <v>1771</v>
      </c>
      <c r="F380" s="15" t="s">
        <v>2484</v>
      </c>
      <c r="G380" s="15" t="s">
        <v>2131</v>
      </c>
      <c r="H380" s="10">
        <v>374</v>
      </c>
    </row>
    <row r="381" spans="1:8" s="10" customFormat="1" ht="45" customHeight="1" x14ac:dyDescent="0.15">
      <c r="A381" s="15" t="s">
        <v>108</v>
      </c>
      <c r="B381" s="18">
        <v>84</v>
      </c>
      <c r="C381" s="15" t="s">
        <v>452</v>
      </c>
      <c r="D381" s="15" t="s">
        <v>1132</v>
      </c>
      <c r="E381" s="16" t="s">
        <v>1772</v>
      </c>
      <c r="F381" s="15" t="s">
        <v>2495</v>
      </c>
      <c r="G381" s="15" t="s">
        <v>2131</v>
      </c>
      <c r="H381" s="10">
        <v>375</v>
      </c>
    </row>
    <row r="382" spans="1:8" s="10" customFormat="1" ht="45" customHeight="1" x14ac:dyDescent="0.15">
      <c r="A382" s="15" t="s">
        <v>108</v>
      </c>
      <c r="B382" s="18">
        <v>85</v>
      </c>
      <c r="C382" s="15" t="s">
        <v>453</v>
      </c>
      <c r="D382" s="15" t="s">
        <v>1132</v>
      </c>
      <c r="E382" s="16" t="s">
        <v>1773</v>
      </c>
      <c r="F382" s="15" t="s">
        <v>2496</v>
      </c>
      <c r="G382" s="16" t="s">
        <v>2131</v>
      </c>
      <c r="H382" s="10">
        <v>376</v>
      </c>
    </row>
    <row r="383" spans="1:8" s="10" customFormat="1" ht="45" customHeight="1" x14ac:dyDescent="0.15">
      <c r="A383" s="15" t="s">
        <v>108</v>
      </c>
      <c r="B383" s="18">
        <v>86</v>
      </c>
      <c r="C383" s="15" t="s">
        <v>454</v>
      </c>
      <c r="D383" s="15" t="s">
        <v>1133</v>
      </c>
      <c r="E383" s="16" t="s">
        <v>1774</v>
      </c>
      <c r="F383" s="15" t="s">
        <v>2497</v>
      </c>
      <c r="G383" s="15" t="s">
        <v>2199</v>
      </c>
      <c r="H383" s="10">
        <v>377</v>
      </c>
    </row>
    <row r="384" spans="1:8" s="10" customFormat="1" ht="45" customHeight="1" x14ac:dyDescent="0.15">
      <c r="A384" s="15" t="s">
        <v>108</v>
      </c>
      <c r="B384" s="18">
        <v>87</v>
      </c>
      <c r="C384" s="15" t="s">
        <v>455</v>
      </c>
      <c r="D384" s="15" t="s">
        <v>1132</v>
      </c>
      <c r="E384" s="16" t="s">
        <v>1775</v>
      </c>
      <c r="F384" s="15" t="s">
        <v>2273</v>
      </c>
      <c r="G384" s="15" t="s">
        <v>2199</v>
      </c>
      <c r="H384" s="10">
        <v>378</v>
      </c>
    </row>
    <row r="385" spans="1:8" s="10" customFormat="1" ht="45" customHeight="1" x14ac:dyDescent="0.15">
      <c r="A385" s="15" t="s">
        <v>45</v>
      </c>
      <c r="B385" s="18">
        <v>2</v>
      </c>
      <c r="C385" s="15" t="s">
        <v>456</v>
      </c>
      <c r="D385" s="15" t="s">
        <v>1134</v>
      </c>
      <c r="E385" s="16" t="s">
        <v>1776</v>
      </c>
      <c r="F385" s="15" t="s">
        <v>2498</v>
      </c>
      <c r="G385" s="16" t="s">
        <v>2177</v>
      </c>
      <c r="H385" s="10">
        <v>379</v>
      </c>
    </row>
    <row r="386" spans="1:8" s="10" customFormat="1" ht="45" customHeight="1" x14ac:dyDescent="0.15">
      <c r="A386" s="15" t="s">
        <v>45</v>
      </c>
      <c r="B386" s="18">
        <v>3</v>
      </c>
      <c r="C386" s="15" t="s">
        <v>457</v>
      </c>
      <c r="D386" s="15" t="s">
        <v>1135</v>
      </c>
      <c r="E386" s="16" t="s">
        <v>1777</v>
      </c>
      <c r="F386" s="15" t="s">
        <v>2499</v>
      </c>
      <c r="G386" s="16" t="s">
        <v>2131</v>
      </c>
      <c r="H386" s="10">
        <v>380</v>
      </c>
    </row>
    <row r="387" spans="1:8" s="10" customFormat="1" ht="45" customHeight="1" x14ac:dyDescent="0.15">
      <c r="A387" s="15" t="s">
        <v>45</v>
      </c>
      <c r="B387" s="18">
        <v>4</v>
      </c>
      <c r="C387" s="15" t="s">
        <v>458</v>
      </c>
      <c r="D387" s="15" t="s">
        <v>47</v>
      </c>
      <c r="E387" s="16" t="s">
        <v>51</v>
      </c>
      <c r="F387" s="15" t="s">
        <v>2500</v>
      </c>
      <c r="G387" s="15" t="s">
        <v>2131</v>
      </c>
      <c r="H387" s="10">
        <v>381</v>
      </c>
    </row>
    <row r="388" spans="1:8" s="10" customFormat="1" ht="45" customHeight="1" x14ac:dyDescent="0.15">
      <c r="A388" s="15" t="s">
        <v>45</v>
      </c>
      <c r="B388" s="18">
        <v>5</v>
      </c>
      <c r="C388" s="15" t="s">
        <v>459</v>
      </c>
      <c r="D388" s="15" t="s">
        <v>1136</v>
      </c>
      <c r="E388" s="16" t="s">
        <v>1778</v>
      </c>
      <c r="F388" s="15" t="s">
        <v>2501</v>
      </c>
      <c r="G388" s="15" t="s">
        <v>2131</v>
      </c>
      <c r="H388" s="10">
        <v>382</v>
      </c>
    </row>
    <row r="389" spans="1:8" s="10" customFormat="1" ht="45" customHeight="1" x14ac:dyDescent="0.15">
      <c r="A389" s="15" t="s">
        <v>45</v>
      </c>
      <c r="B389" s="18">
        <v>8</v>
      </c>
      <c r="C389" s="15" t="s">
        <v>460</v>
      </c>
      <c r="D389" s="15" t="s">
        <v>49</v>
      </c>
      <c r="E389" s="16" t="s">
        <v>1779</v>
      </c>
      <c r="F389" s="15" t="s">
        <v>2502</v>
      </c>
      <c r="G389" s="15" t="s">
        <v>2174</v>
      </c>
      <c r="H389" s="10">
        <v>383</v>
      </c>
    </row>
    <row r="390" spans="1:8" s="10" customFormat="1" ht="45" customHeight="1" x14ac:dyDescent="0.15">
      <c r="A390" s="15" t="s">
        <v>45</v>
      </c>
      <c r="B390" s="18">
        <v>9</v>
      </c>
      <c r="C390" s="15" t="s">
        <v>460</v>
      </c>
      <c r="D390" s="15" t="s">
        <v>46</v>
      </c>
      <c r="E390" s="16" t="s">
        <v>1780</v>
      </c>
      <c r="F390" s="15" t="s">
        <v>2274</v>
      </c>
      <c r="G390" s="15" t="s">
        <v>2174</v>
      </c>
      <c r="H390" s="10">
        <v>384</v>
      </c>
    </row>
    <row r="391" spans="1:8" s="10" customFormat="1" ht="45" customHeight="1" x14ac:dyDescent="0.15">
      <c r="A391" s="15" t="s">
        <v>45</v>
      </c>
      <c r="B391" s="18">
        <v>10</v>
      </c>
      <c r="C391" s="15" t="s">
        <v>460</v>
      </c>
      <c r="D391" s="15" t="s">
        <v>1137</v>
      </c>
      <c r="E391" s="16" t="s">
        <v>1781</v>
      </c>
      <c r="F391" s="15" t="s">
        <v>2503</v>
      </c>
      <c r="G391" s="15" t="s">
        <v>2174</v>
      </c>
      <c r="H391" s="10">
        <v>385</v>
      </c>
    </row>
    <row r="392" spans="1:8" s="10" customFormat="1" ht="45" customHeight="1" x14ac:dyDescent="0.15">
      <c r="A392" s="15" t="s">
        <v>45</v>
      </c>
      <c r="B392" s="18">
        <v>11</v>
      </c>
      <c r="C392" s="15" t="s">
        <v>460</v>
      </c>
      <c r="D392" s="15" t="s">
        <v>1138</v>
      </c>
      <c r="E392" s="16" t="s">
        <v>1782</v>
      </c>
      <c r="F392" s="15" t="s">
        <v>2504</v>
      </c>
      <c r="G392" s="15" t="s">
        <v>2174</v>
      </c>
      <c r="H392" s="10">
        <v>386</v>
      </c>
    </row>
    <row r="393" spans="1:8" s="10" customFormat="1" ht="45" customHeight="1" x14ac:dyDescent="0.15">
      <c r="A393" s="15" t="s">
        <v>45</v>
      </c>
      <c r="B393" s="18">
        <v>12</v>
      </c>
      <c r="C393" s="15" t="s">
        <v>461</v>
      </c>
      <c r="D393" s="15" t="s">
        <v>1139</v>
      </c>
      <c r="E393" s="16" t="s">
        <v>1783</v>
      </c>
      <c r="F393" s="15" t="s">
        <v>2505</v>
      </c>
      <c r="G393" s="16" t="s">
        <v>2131</v>
      </c>
      <c r="H393" s="10">
        <v>387</v>
      </c>
    </row>
    <row r="394" spans="1:8" s="10" customFormat="1" ht="45" customHeight="1" x14ac:dyDescent="0.15">
      <c r="A394" s="15" t="s">
        <v>45</v>
      </c>
      <c r="B394" s="18">
        <v>13</v>
      </c>
      <c r="C394" s="15" t="s">
        <v>462</v>
      </c>
      <c r="D394" s="15" t="s">
        <v>1140</v>
      </c>
      <c r="E394" s="16" t="s">
        <v>1784</v>
      </c>
      <c r="F394" s="15" t="s">
        <v>2506</v>
      </c>
      <c r="G394" s="15" t="s">
        <v>87</v>
      </c>
      <c r="H394" s="10">
        <v>388</v>
      </c>
    </row>
    <row r="395" spans="1:8" s="10" customFormat="1" ht="45" customHeight="1" x14ac:dyDescent="0.15">
      <c r="A395" s="15" t="s">
        <v>45</v>
      </c>
      <c r="B395" s="18">
        <v>14</v>
      </c>
      <c r="C395" s="15" t="s">
        <v>463</v>
      </c>
      <c r="D395" s="15" t="s">
        <v>1141</v>
      </c>
      <c r="E395" s="16" t="s">
        <v>1778</v>
      </c>
      <c r="F395" s="15" t="s">
        <v>2275</v>
      </c>
      <c r="G395" s="15" t="s">
        <v>2131</v>
      </c>
      <c r="H395" s="10">
        <v>389</v>
      </c>
    </row>
    <row r="396" spans="1:8" s="10" customFormat="1" ht="45" customHeight="1" x14ac:dyDescent="0.15">
      <c r="A396" s="15" t="s">
        <v>45</v>
      </c>
      <c r="B396" s="18">
        <v>15</v>
      </c>
      <c r="C396" s="15" t="s">
        <v>460</v>
      </c>
      <c r="D396" s="15" t="s">
        <v>1137</v>
      </c>
      <c r="E396" s="16" t="s">
        <v>1785</v>
      </c>
      <c r="F396" s="15" t="s">
        <v>2276</v>
      </c>
      <c r="G396" s="15" t="s">
        <v>2174</v>
      </c>
      <c r="H396" s="10">
        <v>390</v>
      </c>
    </row>
    <row r="397" spans="1:8" s="10" customFormat="1" ht="45" customHeight="1" x14ac:dyDescent="0.15">
      <c r="A397" s="15" t="s">
        <v>45</v>
      </c>
      <c r="B397" s="18">
        <v>16</v>
      </c>
      <c r="C397" s="15" t="s">
        <v>460</v>
      </c>
      <c r="D397" s="15" t="s">
        <v>1137</v>
      </c>
      <c r="E397" s="16" t="s">
        <v>1786</v>
      </c>
      <c r="F397" s="15" t="s">
        <v>2507</v>
      </c>
      <c r="G397" s="16" t="s">
        <v>2174</v>
      </c>
      <c r="H397" s="10">
        <v>391</v>
      </c>
    </row>
    <row r="398" spans="1:8" s="10" customFormat="1" ht="45" customHeight="1" x14ac:dyDescent="0.15">
      <c r="A398" s="15" t="s">
        <v>45</v>
      </c>
      <c r="B398" s="18">
        <v>17</v>
      </c>
      <c r="C398" s="15" t="s">
        <v>464</v>
      </c>
      <c r="D398" s="15" t="s">
        <v>1142</v>
      </c>
      <c r="E398" s="16" t="s">
        <v>1787</v>
      </c>
      <c r="F398" s="15" t="s">
        <v>2274</v>
      </c>
      <c r="G398" s="16" t="s">
        <v>2194</v>
      </c>
      <c r="H398" s="10">
        <v>392</v>
      </c>
    </row>
    <row r="399" spans="1:8" s="10" customFormat="1" ht="45" customHeight="1" x14ac:dyDescent="0.15">
      <c r="A399" s="15" t="s">
        <v>45</v>
      </c>
      <c r="B399" s="18">
        <v>18</v>
      </c>
      <c r="C399" s="15" t="s">
        <v>465</v>
      </c>
      <c r="D399" s="15" t="s">
        <v>49</v>
      </c>
      <c r="E399" s="16" t="s">
        <v>1788</v>
      </c>
      <c r="F399" s="15" t="s">
        <v>2508</v>
      </c>
      <c r="G399" s="16" t="s">
        <v>85</v>
      </c>
      <c r="H399" s="10">
        <v>393</v>
      </c>
    </row>
    <row r="400" spans="1:8" s="10" customFormat="1" ht="45" customHeight="1" x14ac:dyDescent="0.15">
      <c r="A400" s="15" t="s">
        <v>45</v>
      </c>
      <c r="B400" s="18">
        <v>20</v>
      </c>
      <c r="C400" s="15" t="s">
        <v>466</v>
      </c>
      <c r="D400" s="15" t="s">
        <v>47</v>
      </c>
      <c r="E400" s="16" t="s">
        <v>51</v>
      </c>
      <c r="F400" s="15" t="s">
        <v>2509</v>
      </c>
      <c r="G400" s="16" t="s">
        <v>90</v>
      </c>
      <c r="H400" s="10">
        <v>394</v>
      </c>
    </row>
    <row r="401" spans="1:8" s="10" customFormat="1" ht="45" customHeight="1" x14ac:dyDescent="0.15">
      <c r="A401" s="15" t="s">
        <v>45</v>
      </c>
      <c r="B401" s="18">
        <v>21</v>
      </c>
      <c r="C401" s="15" t="s">
        <v>467</v>
      </c>
      <c r="D401" s="15" t="s">
        <v>1135</v>
      </c>
      <c r="E401" s="16" t="s">
        <v>1789</v>
      </c>
      <c r="F401" s="15" t="s">
        <v>2503</v>
      </c>
      <c r="G401" s="16" t="s">
        <v>2131</v>
      </c>
      <c r="H401" s="10">
        <v>395</v>
      </c>
    </row>
    <row r="402" spans="1:8" s="10" customFormat="1" ht="45" customHeight="1" x14ac:dyDescent="0.15">
      <c r="A402" s="15" t="s">
        <v>45</v>
      </c>
      <c r="B402" s="18">
        <v>22</v>
      </c>
      <c r="C402" s="15" t="s">
        <v>468</v>
      </c>
      <c r="D402" s="15" t="s">
        <v>1143</v>
      </c>
      <c r="E402" s="16" t="s">
        <v>1790</v>
      </c>
      <c r="F402" s="15" t="s">
        <v>2510</v>
      </c>
      <c r="G402" s="16" t="s">
        <v>2174</v>
      </c>
      <c r="H402" s="10">
        <v>396</v>
      </c>
    </row>
    <row r="403" spans="1:8" s="10" customFormat="1" ht="45" customHeight="1" x14ac:dyDescent="0.15">
      <c r="A403" s="15" t="s">
        <v>45</v>
      </c>
      <c r="B403" s="18">
        <v>23</v>
      </c>
      <c r="C403" s="15" t="s">
        <v>469</v>
      </c>
      <c r="D403" s="15" t="s">
        <v>1144</v>
      </c>
      <c r="E403" s="16" t="s">
        <v>1791</v>
      </c>
      <c r="F403" s="15" t="s">
        <v>2277</v>
      </c>
      <c r="G403" s="16" t="s">
        <v>2131</v>
      </c>
      <c r="H403" s="10">
        <v>397</v>
      </c>
    </row>
    <row r="404" spans="1:8" s="10" customFormat="1" ht="45" customHeight="1" x14ac:dyDescent="0.15">
      <c r="A404" s="15" t="s">
        <v>45</v>
      </c>
      <c r="B404" s="18">
        <v>24</v>
      </c>
      <c r="C404" s="15" t="s">
        <v>470</v>
      </c>
      <c r="D404" s="15" t="s">
        <v>1134</v>
      </c>
      <c r="E404" s="16" t="s">
        <v>1776</v>
      </c>
      <c r="F404" s="15" t="s">
        <v>2278</v>
      </c>
      <c r="G404" s="16" t="s">
        <v>2200</v>
      </c>
      <c r="H404" s="10">
        <v>398</v>
      </c>
    </row>
    <row r="405" spans="1:8" s="10" customFormat="1" ht="45" customHeight="1" x14ac:dyDescent="0.15">
      <c r="A405" s="15" t="s">
        <v>45</v>
      </c>
      <c r="B405" s="18">
        <v>25</v>
      </c>
      <c r="C405" s="15" t="s">
        <v>471</v>
      </c>
      <c r="D405" s="15" t="s">
        <v>1139</v>
      </c>
      <c r="E405" s="16" t="s">
        <v>1792</v>
      </c>
      <c r="F405" s="15" t="s">
        <v>2511</v>
      </c>
      <c r="G405" s="16" t="s">
        <v>2131</v>
      </c>
      <c r="H405" s="10">
        <v>399</v>
      </c>
    </row>
    <row r="406" spans="1:8" s="10" customFormat="1" ht="45" customHeight="1" x14ac:dyDescent="0.15">
      <c r="A406" s="15" t="s">
        <v>45</v>
      </c>
      <c r="B406" s="18">
        <v>27</v>
      </c>
      <c r="C406" s="15" t="s">
        <v>472</v>
      </c>
      <c r="D406" s="15" t="s">
        <v>1145</v>
      </c>
      <c r="E406" s="16" t="s">
        <v>1793</v>
      </c>
      <c r="F406" s="15" t="s">
        <v>2512</v>
      </c>
      <c r="G406" s="16" t="s">
        <v>2131</v>
      </c>
      <c r="H406" s="10">
        <v>400</v>
      </c>
    </row>
    <row r="407" spans="1:8" s="10" customFormat="1" ht="45" customHeight="1" x14ac:dyDescent="0.15">
      <c r="A407" s="15" t="s">
        <v>45</v>
      </c>
      <c r="B407" s="18">
        <v>28</v>
      </c>
      <c r="C407" s="15" t="s">
        <v>473</v>
      </c>
      <c r="D407" s="15" t="s">
        <v>1141</v>
      </c>
      <c r="E407" s="16" t="s">
        <v>1778</v>
      </c>
      <c r="F407" s="15" t="s">
        <v>2513</v>
      </c>
      <c r="G407" s="16" t="s">
        <v>2131</v>
      </c>
      <c r="H407" s="10">
        <v>401</v>
      </c>
    </row>
    <row r="408" spans="1:8" s="10" customFormat="1" ht="45" customHeight="1" x14ac:dyDescent="0.15">
      <c r="A408" s="15" t="s">
        <v>45</v>
      </c>
      <c r="B408" s="18">
        <v>30</v>
      </c>
      <c r="C408" s="15" t="s">
        <v>468</v>
      </c>
      <c r="D408" s="15" t="s">
        <v>1146</v>
      </c>
      <c r="E408" s="16" t="s">
        <v>1794</v>
      </c>
      <c r="F408" s="15" t="s">
        <v>2514</v>
      </c>
      <c r="G408" s="16" t="s">
        <v>2174</v>
      </c>
      <c r="H408" s="10">
        <v>402</v>
      </c>
    </row>
    <row r="409" spans="1:8" s="10" customFormat="1" ht="45" customHeight="1" x14ac:dyDescent="0.15">
      <c r="A409" s="15" t="s">
        <v>45</v>
      </c>
      <c r="B409" s="18">
        <v>32</v>
      </c>
      <c r="C409" s="15" t="s">
        <v>474</v>
      </c>
      <c r="D409" s="15" t="s">
        <v>1147</v>
      </c>
      <c r="E409" s="16" t="s">
        <v>1795</v>
      </c>
      <c r="F409" s="15" t="s">
        <v>2279</v>
      </c>
      <c r="G409" s="16" t="s">
        <v>2131</v>
      </c>
      <c r="H409" s="10">
        <v>403</v>
      </c>
    </row>
    <row r="410" spans="1:8" s="10" customFormat="1" ht="45" customHeight="1" x14ac:dyDescent="0.15">
      <c r="A410" s="15" t="s">
        <v>45</v>
      </c>
      <c r="B410" s="18">
        <v>33</v>
      </c>
      <c r="C410" s="15" t="s">
        <v>468</v>
      </c>
      <c r="D410" s="15" t="s">
        <v>1148</v>
      </c>
      <c r="E410" s="16" t="s">
        <v>1796</v>
      </c>
      <c r="F410" s="15" t="s">
        <v>2515</v>
      </c>
      <c r="G410" s="16" t="s">
        <v>2174</v>
      </c>
      <c r="H410" s="10">
        <v>404</v>
      </c>
    </row>
    <row r="411" spans="1:8" s="10" customFormat="1" ht="45" customHeight="1" x14ac:dyDescent="0.15">
      <c r="A411" s="15" t="s">
        <v>45</v>
      </c>
      <c r="B411" s="18">
        <v>34</v>
      </c>
      <c r="C411" s="15" t="s">
        <v>475</v>
      </c>
      <c r="D411" s="15" t="s">
        <v>1149</v>
      </c>
      <c r="E411" s="16" t="s">
        <v>1797</v>
      </c>
      <c r="F411" s="15" t="s">
        <v>2274</v>
      </c>
      <c r="G411" s="16" t="s">
        <v>2174</v>
      </c>
      <c r="H411" s="10">
        <v>405</v>
      </c>
    </row>
    <row r="412" spans="1:8" s="10" customFormat="1" ht="45" customHeight="1" x14ac:dyDescent="0.15">
      <c r="A412" s="15" t="s">
        <v>45</v>
      </c>
      <c r="B412" s="18">
        <v>35</v>
      </c>
      <c r="C412" s="15" t="s">
        <v>475</v>
      </c>
      <c r="D412" s="15" t="s">
        <v>50</v>
      </c>
      <c r="E412" s="16" t="s">
        <v>1798</v>
      </c>
      <c r="F412" s="15" t="s">
        <v>2276</v>
      </c>
      <c r="G412" s="16" t="s">
        <v>2174</v>
      </c>
      <c r="H412" s="10">
        <v>406</v>
      </c>
    </row>
    <row r="413" spans="1:8" s="10" customFormat="1" ht="45" customHeight="1" x14ac:dyDescent="0.15">
      <c r="A413" s="15" t="s">
        <v>45</v>
      </c>
      <c r="B413" s="18">
        <v>36</v>
      </c>
      <c r="C413" s="15" t="s">
        <v>476</v>
      </c>
      <c r="D413" s="15" t="s">
        <v>49</v>
      </c>
      <c r="E413" s="16" t="s">
        <v>1799</v>
      </c>
      <c r="F413" s="15" t="s">
        <v>2280</v>
      </c>
      <c r="G413" s="16" t="s">
        <v>2131</v>
      </c>
      <c r="H413" s="10">
        <v>407</v>
      </c>
    </row>
    <row r="414" spans="1:8" s="10" customFormat="1" ht="45" customHeight="1" x14ac:dyDescent="0.15">
      <c r="A414" s="15" t="s">
        <v>45</v>
      </c>
      <c r="B414" s="18">
        <v>37</v>
      </c>
      <c r="C414" s="15" t="s">
        <v>477</v>
      </c>
      <c r="D414" s="15" t="s">
        <v>49</v>
      </c>
      <c r="E414" s="16" t="s">
        <v>1800</v>
      </c>
      <c r="F414" s="15" t="s">
        <v>2516</v>
      </c>
      <c r="G414" s="16" t="s">
        <v>85</v>
      </c>
      <c r="H414" s="10">
        <v>408</v>
      </c>
    </row>
    <row r="415" spans="1:8" s="10" customFormat="1" ht="45" customHeight="1" x14ac:dyDescent="0.15">
      <c r="A415" s="15" t="s">
        <v>45</v>
      </c>
      <c r="B415" s="18">
        <v>38</v>
      </c>
      <c r="C415" s="15" t="s">
        <v>478</v>
      </c>
      <c r="D415" s="15" t="s">
        <v>1135</v>
      </c>
      <c r="E415" s="16" t="s">
        <v>1801</v>
      </c>
      <c r="F415" s="15" t="s">
        <v>2514</v>
      </c>
      <c r="G415" s="16" t="s">
        <v>2131</v>
      </c>
      <c r="H415" s="10">
        <v>409</v>
      </c>
    </row>
    <row r="416" spans="1:8" s="10" customFormat="1" ht="45" customHeight="1" x14ac:dyDescent="0.15">
      <c r="A416" s="15" t="s">
        <v>45</v>
      </c>
      <c r="B416" s="18">
        <v>39</v>
      </c>
      <c r="C416" s="15" t="s">
        <v>479</v>
      </c>
      <c r="D416" s="15" t="s">
        <v>1150</v>
      </c>
      <c r="E416" s="16" t="s">
        <v>1802</v>
      </c>
      <c r="F416" s="15" t="s">
        <v>2517</v>
      </c>
      <c r="G416" s="16" t="s">
        <v>2201</v>
      </c>
      <c r="H416" s="10">
        <v>410</v>
      </c>
    </row>
    <row r="417" spans="1:8" s="10" customFormat="1" ht="45" customHeight="1" x14ac:dyDescent="0.15">
      <c r="A417" s="15" t="s">
        <v>45</v>
      </c>
      <c r="B417" s="18">
        <v>40</v>
      </c>
      <c r="C417" s="15" t="s">
        <v>480</v>
      </c>
      <c r="D417" s="15" t="s">
        <v>1151</v>
      </c>
      <c r="E417" s="16" t="s">
        <v>1791</v>
      </c>
      <c r="F417" s="15" t="s">
        <v>2518</v>
      </c>
      <c r="G417" s="15" t="s">
        <v>2131</v>
      </c>
      <c r="H417" s="10">
        <v>411</v>
      </c>
    </row>
    <row r="418" spans="1:8" s="10" customFormat="1" ht="45" customHeight="1" x14ac:dyDescent="0.15">
      <c r="A418" s="15" t="s">
        <v>45</v>
      </c>
      <c r="B418" s="18">
        <v>41</v>
      </c>
      <c r="C418" s="15" t="s">
        <v>2228</v>
      </c>
      <c r="D418" s="15" t="s">
        <v>1152</v>
      </c>
      <c r="E418" s="16" t="s">
        <v>1803</v>
      </c>
      <c r="F418" s="15" t="s">
        <v>2519</v>
      </c>
      <c r="G418" s="16" t="s">
        <v>2131</v>
      </c>
      <c r="H418" s="10">
        <v>412</v>
      </c>
    </row>
    <row r="419" spans="1:8" s="10" customFormat="1" ht="45" customHeight="1" x14ac:dyDescent="0.15">
      <c r="A419" s="15" t="s">
        <v>45</v>
      </c>
      <c r="B419" s="18">
        <v>42</v>
      </c>
      <c r="C419" s="15" t="s">
        <v>481</v>
      </c>
      <c r="D419" s="15" t="s">
        <v>1152</v>
      </c>
      <c r="E419" s="16" t="s">
        <v>1803</v>
      </c>
      <c r="F419" s="15" t="s">
        <v>2520</v>
      </c>
      <c r="G419" s="16" t="s">
        <v>2174</v>
      </c>
      <c r="H419" s="10">
        <v>413</v>
      </c>
    </row>
    <row r="420" spans="1:8" s="10" customFormat="1" ht="45" customHeight="1" x14ac:dyDescent="0.15">
      <c r="A420" s="15" t="s">
        <v>45</v>
      </c>
      <c r="B420" s="18">
        <v>43</v>
      </c>
      <c r="C420" s="15" t="s">
        <v>482</v>
      </c>
      <c r="D420" s="15" t="s">
        <v>1140</v>
      </c>
      <c r="E420" s="16" t="s">
        <v>1784</v>
      </c>
      <c r="F420" s="15" t="s">
        <v>2281</v>
      </c>
      <c r="G420" s="16" t="s">
        <v>86</v>
      </c>
      <c r="H420" s="10">
        <v>414</v>
      </c>
    </row>
    <row r="421" spans="1:8" s="10" customFormat="1" ht="45" customHeight="1" x14ac:dyDescent="0.15">
      <c r="A421" s="15" t="s">
        <v>45</v>
      </c>
      <c r="B421" s="18">
        <v>44</v>
      </c>
      <c r="C421" s="15" t="s">
        <v>483</v>
      </c>
      <c r="D421" s="15" t="s">
        <v>52</v>
      </c>
      <c r="E421" s="16" t="s">
        <v>53</v>
      </c>
      <c r="F421" s="15" t="s">
        <v>2421</v>
      </c>
      <c r="G421" s="16" t="s">
        <v>2202</v>
      </c>
      <c r="H421" s="10">
        <v>415</v>
      </c>
    </row>
    <row r="422" spans="1:8" s="10" customFormat="1" ht="45" customHeight="1" x14ac:dyDescent="0.15">
      <c r="A422" s="15" t="s">
        <v>45</v>
      </c>
      <c r="B422" s="18">
        <v>45</v>
      </c>
      <c r="C422" s="15" t="s">
        <v>2229</v>
      </c>
      <c r="D422" s="15" t="s">
        <v>47</v>
      </c>
      <c r="E422" s="16" t="s">
        <v>51</v>
      </c>
      <c r="F422" s="15" t="s">
        <v>2505</v>
      </c>
      <c r="G422" s="16" t="s">
        <v>2131</v>
      </c>
      <c r="H422" s="10">
        <v>416</v>
      </c>
    </row>
    <row r="423" spans="1:8" s="10" customFormat="1" ht="45" customHeight="1" x14ac:dyDescent="0.15">
      <c r="A423" s="15" t="s">
        <v>45</v>
      </c>
      <c r="B423" s="18">
        <v>46</v>
      </c>
      <c r="C423" s="15" t="s">
        <v>484</v>
      </c>
      <c r="D423" s="15" t="s">
        <v>47</v>
      </c>
      <c r="E423" s="16" t="s">
        <v>51</v>
      </c>
      <c r="F423" s="15" t="s">
        <v>2501</v>
      </c>
      <c r="G423" s="16" t="s">
        <v>2131</v>
      </c>
      <c r="H423" s="10">
        <v>417</v>
      </c>
    </row>
    <row r="424" spans="1:8" s="10" customFormat="1" ht="45" customHeight="1" x14ac:dyDescent="0.15">
      <c r="A424" s="15" t="s">
        <v>45</v>
      </c>
      <c r="B424" s="18">
        <v>49</v>
      </c>
      <c r="C424" s="15" t="s">
        <v>485</v>
      </c>
      <c r="D424" s="15" t="s">
        <v>48</v>
      </c>
      <c r="E424" s="16" t="s">
        <v>1792</v>
      </c>
      <c r="F424" s="15" t="s">
        <v>2514</v>
      </c>
      <c r="G424" s="16" t="s">
        <v>2131</v>
      </c>
      <c r="H424" s="10">
        <v>418</v>
      </c>
    </row>
    <row r="425" spans="1:8" s="10" customFormat="1" ht="45" customHeight="1" x14ac:dyDescent="0.15">
      <c r="A425" s="15" t="s">
        <v>45</v>
      </c>
      <c r="B425" s="18">
        <v>50</v>
      </c>
      <c r="C425" s="15" t="s">
        <v>486</v>
      </c>
      <c r="D425" s="15" t="s">
        <v>48</v>
      </c>
      <c r="E425" s="16" t="s">
        <v>1804</v>
      </c>
      <c r="F425" s="15" t="s">
        <v>2521</v>
      </c>
      <c r="G425" s="16" t="s">
        <v>2131</v>
      </c>
      <c r="H425" s="10">
        <v>419</v>
      </c>
    </row>
    <row r="426" spans="1:8" s="10" customFormat="1" ht="45" customHeight="1" x14ac:dyDescent="0.15">
      <c r="A426" s="15" t="s">
        <v>45</v>
      </c>
      <c r="B426" s="18">
        <v>51</v>
      </c>
      <c r="C426" s="15" t="s">
        <v>487</v>
      </c>
      <c r="D426" s="15" t="s">
        <v>1153</v>
      </c>
      <c r="E426" s="16" t="s">
        <v>1805</v>
      </c>
      <c r="F426" s="15" t="s">
        <v>2522</v>
      </c>
      <c r="G426" s="16" t="s">
        <v>85</v>
      </c>
      <c r="H426" s="10">
        <v>420</v>
      </c>
    </row>
    <row r="427" spans="1:8" s="10" customFormat="1" ht="45" customHeight="1" x14ac:dyDescent="0.15">
      <c r="A427" s="15" t="s">
        <v>45</v>
      </c>
      <c r="B427" s="18">
        <v>52</v>
      </c>
      <c r="C427" s="15" t="s">
        <v>487</v>
      </c>
      <c r="D427" s="15" t="s">
        <v>1154</v>
      </c>
      <c r="E427" s="16" t="s">
        <v>1806</v>
      </c>
      <c r="F427" s="15" t="s">
        <v>2514</v>
      </c>
      <c r="G427" s="16" t="s">
        <v>2131</v>
      </c>
      <c r="H427" s="10">
        <v>421</v>
      </c>
    </row>
    <row r="428" spans="1:8" s="10" customFormat="1" ht="45" customHeight="1" x14ac:dyDescent="0.15">
      <c r="A428" s="15" t="s">
        <v>45</v>
      </c>
      <c r="B428" s="18">
        <v>53</v>
      </c>
      <c r="C428" s="15" t="s">
        <v>488</v>
      </c>
      <c r="D428" s="15" t="s">
        <v>1146</v>
      </c>
      <c r="E428" s="16" t="s">
        <v>1807</v>
      </c>
      <c r="F428" s="15" t="s">
        <v>2519</v>
      </c>
      <c r="G428" s="16" t="s">
        <v>2131</v>
      </c>
      <c r="H428" s="10">
        <v>422</v>
      </c>
    </row>
    <row r="429" spans="1:8" s="10" customFormat="1" ht="45" customHeight="1" x14ac:dyDescent="0.15">
      <c r="A429" s="15" t="s">
        <v>45</v>
      </c>
      <c r="B429" s="18">
        <v>56</v>
      </c>
      <c r="C429" s="15" t="s">
        <v>489</v>
      </c>
      <c r="D429" s="15" t="s">
        <v>1134</v>
      </c>
      <c r="E429" s="16" t="s">
        <v>1808</v>
      </c>
      <c r="F429" s="15" t="s">
        <v>2523</v>
      </c>
      <c r="G429" s="16" t="s">
        <v>2196</v>
      </c>
      <c r="H429" s="10">
        <v>423</v>
      </c>
    </row>
    <row r="430" spans="1:8" s="10" customFormat="1" ht="45" customHeight="1" x14ac:dyDescent="0.15">
      <c r="A430" s="15" t="s">
        <v>45</v>
      </c>
      <c r="B430" s="18">
        <v>59</v>
      </c>
      <c r="C430" s="15" t="s">
        <v>490</v>
      </c>
      <c r="D430" s="15" t="s">
        <v>52</v>
      </c>
      <c r="E430" s="16" t="s">
        <v>1809</v>
      </c>
      <c r="F430" s="15" t="s">
        <v>2519</v>
      </c>
      <c r="G430" s="16" t="s">
        <v>2131</v>
      </c>
      <c r="H430" s="10">
        <v>424</v>
      </c>
    </row>
    <row r="431" spans="1:8" s="10" customFormat="1" ht="45" customHeight="1" x14ac:dyDescent="0.15">
      <c r="A431" s="15" t="s">
        <v>45</v>
      </c>
      <c r="B431" s="18">
        <v>60</v>
      </c>
      <c r="C431" s="15" t="s">
        <v>491</v>
      </c>
      <c r="D431" s="15" t="s">
        <v>1155</v>
      </c>
      <c r="E431" s="16" t="s">
        <v>1810</v>
      </c>
      <c r="F431" s="15" t="s">
        <v>2493</v>
      </c>
      <c r="G431" s="16" t="s">
        <v>87</v>
      </c>
      <c r="H431" s="10">
        <v>425</v>
      </c>
    </row>
    <row r="432" spans="1:8" s="10" customFormat="1" ht="45" customHeight="1" x14ac:dyDescent="0.15">
      <c r="A432" s="15" t="s">
        <v>45</v>
      </c>
      <c r="B432" s="18">
        <v>62</v>
      </c>
      <c r="C432" s="15" t="s">
        <v>492</v>
      </c>
      <c r="D432" s="15" t="s">
        <v>1155</v>
      </c>
      <c r="E432" s="16" t="s">
        <v>1810</v>
      </c>
      <c r="F432" s="15" t="s">
        <v>2447</v>
      </c>
      <c r="G432" s="16" t="s">
        <v>2196</v>
      </c>
      <c r="H432" s="10">
        <v>426</v>
      </c>
    </row>
    <row r="433" spans="1:8" s="10" customFormat="1" ht="45" customHeight="1" x14ac:dyDescent="0.15">
      <c r="A433" s="15" t="s">
        <v>45</v>
      </c>
      <c r="B433" s="18">
        <v>63</v>
      </c>
      <c r="C433" s="15" t="s">
        <v>493</v>
      </c>
      <c r="D433" s="15" t="s">
        <v>1135</v>
      </c>
      <c r="E433" s="16" t="s">
        <v>1811</v>
      </c>
      <c r="F433" s="15" t="s">
        <v>2517</v>
      </c>
      <c r="G433" s="16" t="s">
        <v>2202</v>
      </c>
      <c r="H433" s="10">
        <v>427</v>
      </c>
    </row>
    <row r="434" spans="1:8" s="10" customFormat="1" ht="45" customHeight="1" x14ac:dyDescent="0.15">
      <c r="A434" s="15" t="s">
        <v>109</v>
      </c>
      <c r="B434" s="18">
        <v>1</v>
      </c>
      <c r="C434" s="15" t="s">
        <v>494</v>
      </c>
      <c r="D434" s="15" t="s">
        <v>1156</v>
      </c>
      <c r="E434" s="16" t="s">
        <v>1812</v>
      </c>
      <c r="F434" s="15" t="s">
        <v>2384</v>
      </c>
      <c r="G434" s="16" t="s">
        <v>87</v>
      </c>
      <c r="H434" s="10">
        <v>428</v>
      </c>
    </row>
    <row r="435" spans="1:8" s="10" customFormat="1" ht="45" customHeight="1" x14ac:dyDescent="0.15">
      <c r="A435" s="15" t="s">
        <v>109</v>
      </c>
      <c r="B435" s="18">
        <v>2</v>
      </c>
      <c r="C435" s="15" t="s">
        <v>495</v>
      </c>
      <c r="D435" s="15" t="s">
        <v>1157</v>
      </c>
      <c r="E435" s="16" t="s">
        <v>1813</v>
      </c>
      <c r="F435" s="15" t="s">
        <v>2282</v>
      </c>
      <c r="G435" s="16" t="s">
        <v>2131</v>
      </c>
      <c r="H435" s="10">
        <v>429</v>
      </c>
    </row>
    <row r="436" spans="1:8" s="10" customFormat="1" ht="45" customHeight="1" x14ac:dyDescent="0.15">
      <c r="A436" s="15" t="s">
        <v>109</v>
      </c>
      <c r="B436" s="18">
        <v>3</v>
      </c>
      <c r="C436" s="15" t="s">
        <v>496</v>
      </c>
      <c r="D436" s="15" t="s">
        <v>1158</v>
      </c>
      <c r="E436" s="16" t="s">
        <v>1814</v>
      </c>
      <c r="F436" s="15" t="s">
        <v>2283</v>
      </c>
      <c r="G436" s="16" t="s">
        <v>2131</v>
      </c>
      <c r="H436" s="10">
        <v>430</v>
      </c>
    </row>
    <row r="437" spans="1:8" s="10" customFormat="1" ht="45" customHeight="1" x14ac:dyDescent="0.15">
      <c r="A437" s="15" t="s">
        <v>109</v>
      </c>
      <c r="B437" s="18">
        <v>5</v>
      </c>
      <c r="C437" s="15" t="s">
        <v>497</v>
      </c>
      <c r="D437" s="15" t="s">
        <v>1159</v>
      </c>
      <c r="E437" s="16" t="s">
        <v>1815</v>
      </c>
      <c r="F437" s="15" t="s">
        <v>2524</v>
      </c>
      <c r="G437" s="16" t="s">
        <v>2131</v>
      </c>
      <c r="H437" s="10">
        <v>431</v>
      </c>
    </row>
    <row r="438" spans="1:8" s="10" customFormat="1" ht="45" customHeight="1" x14ac:dyDescent="0.15">
      <c r="A438" s="15" t="s">
        <v>109</v>
      </c>
      <c r="B438" s="18">
        <v>6</v>
      </c>
      <c r="C438" s="15" t="s">
        <v>498</v>
      </c>
      <c r="D438" s="15" t="s">
        <v>1160</v>
      </c>
      <c r="E438" s="16" t="s">
        <v>1816</v>
      </c>
      <c r="F438" s="15" t="s">
        <v>2284</v>
      </c>
      <c r="G438" s="16" t="s">
        <v>2131</v>
      </c>
      <c r="H438" s="10">
        <v>432</v>
      </c>
    </row>
    <row r="439" spans="1:8" s="10" customFormat="1" ht="45" customHeight="1" x14ac:dyDescent="0.15">
      <c r="A439" s="15" t="s">
        <v>109</v>
      </c>
      <c r="B439" s="18">
        <v>7</v>
      </c>
      <c r="C439" s="15" t="s">
        <v>499</v>
      </c>
      <c r="D439" s="15" t="s">
        <v>1161</v>
      </c>
      <c r="E439" s="16" t="s">
        <v>1817</v>
      </c>
      <c r="F439" s="15" t="s">
        <v>2525</v>
      </c>
      <c r="G439" s="16" t="s">
        <v>2131</v>
      </c>
      <c r="H439" s="10">
        <v>433</v>
      </c>
    </row>
    <row r="440" spans="1:8" s="10" customFormat="1" ht="45" customHeight="1" x14ac:dyDescent="0.15">
      <c r="A440" s="15" t="s">
        <v>109</v>
      </c>
      <c r="B440" s="18">
        <v>8</v>
      </c>
      <c r="C440" s="15" t="s">
        <v>2230</v>
      </c>
      <c r="D440" s="15" t="s">
        <v>1162</v>
      </c>
      <c r="E440" s="16" t="s">
        <v>1818</v>
      </c>
      <c r="F440" s="15" t="s">
        <v>2285</v>
      </c>
      <c r="G440" s="16" t="s">
        <v>88</v>
      </c>
      <c r="H440" s="10">
        <v>434</v>
      </c>
    </row>
    <row r="441" spans="1:8" s="10" customFormat="1" ht="45" customHeight="1" x14ac:dyDescent="0.15">
      <c r="A441" s="15" t="s">
        <v>109</v>
      </c>
      <c r="B441" s="18">
        <v>9</v>
      </c>
      <c r="C441" s="15" t="s">
        <v>500</v>
      </c>
      <c r="D441" s="15" t="s">
        <v>1161</v>
      </c>
      <c r="E441" s="16" t="s">
        <v>1819</v>
      </c>
      <c r="F441" s="15" t="s">
        <v>2526</v>
      </c>
      <c r="G441" s="16" t="s">
        <v>2131</v>
      </c>
      <c r="H441" s="10">
        <v>435</v>
      </c>
    </row>
    <row r="442" spans="1:8" s="10" customFormat="1" ht="45" customHeight="1" x14ac:dyDescent="0.15">
      <c r="A442" s="15" t="s">
        <v>109</v>
      </c>
      <c r="B442" s="18">
        <v>10</v>
      </c>
      <c r="C442" s="15" t="s">
        <v>501</v>
      </c>
      <c r="D442" s="15" t="s">
        <v>1163</v>
      </c>
      <c r="E442" s="16" t="s">
        <v>55</v>
      </c>
      <c r="F442" s="15" t="s">
        <v>2286</v>
      </c>
      <c r="G442" s="16" t="s">
        <v>2131</v>
      </c>
      <c r="H442" s="10">
        <v>436</v>
      </c>
    </row>
    <row r="443" spans="1:8" s="10" customFormat="1" ht="45" customHeight="1" x14ac:dyDescent="0.15">
      <c r="A443" s="15" t="s">
        <v>109</v>
      </c>
      <c r="B443" s="18">
        <v>11</v>
      </c>
      <c r="C443" s="15" t="s">
        <v>502</v>
      </c>
      <c r="D443" s="15" t="s">
        <v>1161</v>
      </c>
      <c r="E443" s="16" t="s">
        <v>1820</v>
      </c>
      <c r="F443" s="15" t="s">
        <v>2527</v>
      </c>
      <c r="G443" s="16" t="s">
        <v>2131</v>
      </c>
      <c r="H443" s="10">
        <v>437</v>
      </c>
    </row>
    <row r="444" spans="1:8" s="10" customFormat="1" ht="45" customHeight="1" x14ac:dyDescent="0.15">
      <c r="A444" s="15" t="s">
        <v>109</v>
      </c>
      <c r="B444" s="18">
        <v>12</v>
      </c>
      <c r="C444" s="15" t="s">
        <v>503</v>
      </c>
      <c r="D444" s="15" t="s">
        <v>1164</v>
      </c>
      <c r="E444" s="16" t="s">
        <v>1821</v>
      </c>
      <c r="F444" s="15" t="s">
        <v>2528</v>
      </c>
      <c r="G444" s="15" t="s">
        <v>2131</v>
      </c>
      <c r="H444" s="10">
        <v>438</v>
      </c>
    </row>
    <row r="445" spans="1:8" s="10" customFormat="1" ht="45" customHeight="1" x14ac:dyDescent="0.15">
      <c r="A445" s="15" t="s">
        <v>109</v>
      </c>
      <c r="B445" s="18">
        <v>14</v>
      </c>
      <c r="C445" s="15" t="s">
        <v>504</v>
      </c>
      <c r="D445" s="15" t="s">
        <v>1165</v>
      </c>
      <c r="E445" s="16" t="s">
        <v>1822</v>
      </c>
      <c r="F445" s="15" t="s">
        <v>2529</v>
      </c>
      <c r="G445" s="15" t="s">
        <v>86</v>
      </c>
      <c r="H445" s="10">
        <v>439</v>
      </c>
    </row>
    <row r="446" spans="1:8" s="10" customFormat="1" ht="45" customHeight="1" x14ac:dyDescent="0.15">
      <c r="A446" s="15" t="s">
        <v>109</v>
      </c>
      <c r="B446" s="18">
        <v>15</v>
      </c>
      <c r="C446" s="15" t="s">
        <v>505</v>
      </c>
      <c r="D446" s="15" t="s">
        <v>56</v>
      </c>
      <c r="E446" s="16" t="s">
        <v>1823</v>
      </c>
      <c r="F446" s="15" t="s">
        <v>2530</v>
      </c>
      <c r="G446" s="15" t="s">
        <v>86</v>
      </c>
      <c r="H446" s="10">
        <v>440</v>
      </c>
    </row>
    <row r="447" spans="1:8" s="10" customFormat="1" ht="45" customHeight="1" x14ac:dyDescent="0.15">
      <c r="A447" s="15" t="s">
        <v>109</v>
      </c>
      <c r="B447" s="18">
        <v>16</v>
      </c>
      <c r="C447" s="15" t="s">
        <v>506</v>
      </c>
      <c r="D447" s="15" t="s">
        <v>1166</v>
      </c>
      <c r="E447" s="16" t="s">
        <v>57</v>
      </c>
      <c r="F447" s="15" t="s">
        <v>2282</v>
      </c>
      <c r="G447" s="16" t="s">
        <v>2131</v>
      </c>
      <c r="H447" s="10">
        <v>441</v>
      </c>
    </row>
    <row r="448" spans="1:8" s="10" customFormat="1" ht="45" customHeight="1" x14ac:dyDescent="0.15">
      <c r="A448" s="15" t="s">
        <v>109</v>
      </c>
      <c r="B448" s="18">
        <v>17</v>
      </c>
      <c r="C448" s="15" t="s">
        <v>507</v>
      </c>
      <c r="D448" s="15" t="s">
        <v>54</v>
      </c>
      <c r="E448" s="16" t="s">
        <v>55</v>
      </c>
      <c r="F448" s="15" t="s">
        <v>2287</v>
      </c>
      <c r="G448" s="16" t="s">
        <v>2131</v>
      </c>
      <c r="H448" s="10">
        <v>442</v>
      </c>
    </row>
    <row r="449" spans="1:8" s="10" customFormat="1" ht="45" customHeight="1" x14ac:dyDescent="0.15">
      <c r="A449" s="15" t="s">
        <v>109</v>
      </c>
      <c r="B449" s="18">
        <v>18</v>
      </c>
      <c r="C449" s="15" t="s">
        <v>508</v>
      </c>
      <c r="D449" s="15" t="s">
        <v>54</v>
      </c>
      <c r="E449" s="16" t="s">
        <v>55</v>
      </c>
      <c r="F449" s="15" t="s">
        <v>2528</v>
      </c>
      <c r="G449" s="16" t="s">
        <v>2131</v>
      </c>
      <c r="H449" s="10">
        <v>443</v>
      </c>
    </row>
    <row r="450" spans="1:8" s="10" customFormat="1" ht="45" customHeight="1" x14ac:dyDescent="0.15">
      <c r="A450" s="15" t="s">
        <v>109</v>
      </c>
      <c r="B450" s="18">
        <v>19</v>
      </c>
      <c r="C450" s="15" t="s">
        <v>509</v>
      </c>
      <c r="D450" s="15" t="s">
        <v>1167</v>
      </c>
      <c r="E450" s="16" t="s">
        <v>1824</v>
      </c>
      <c r="F450" s="15" t="s">
        <v>2531</v>
      </c>
      <c r="G450" s="16" t="s">
        <v>2131</v>
      </c>
      <c r="H450" s="10">
        <v>444</v>
      </c>
    </row>
    <row r="451" spans="1:8" s="10" customFormat="1" ht="45" customHeight="1" x14ac:dyDescent="0.15">
      <c r="A451" s="15" t="s">
        <v>109</v>
      </c>
      <c r="B451" s="18">
        <v>20</v>
      </c>
      <c r="C451" s="15" t="s">
        <v>510</v>
      </c>
      <c r="D451" s="15" t="s">
        <v>1165</v>
      </c>
      <c r="E451" s="16" t="s">
        <v>1822</v>
      </c>
      <c r="F451" s="15" t="s">
        <v>2285</v>
      </c>
      <c r="G451" s="16" t="s">
        <v>88</v>
      </c>
      <c r="H451" s="10">
        <v>445</v>
      </c>
    </row>
    <row r="452" spans="1:8" s="10" customFormat="1" ht="45" customHeight="1" x14ac:dyDescent="0.15">
      <c r="A452" s="15" t="s">
        <v>109</v>
      </c>
      <c r="B452" s="18">
        <v>21</v>
      </c>
      <c r="C452" s="15" t="s">
        <v>511</v>
      </c>
      <c r="D452" s="15" t="s">
        <v>56</v>
      </c>
      <c r="E452" s="16" t="s">
        <v>1825</v>
      </c>
      <c r="F452" s="15" t="s">
        <v>2506</v>
      </c>
      <c r="G452" s="16" t="s">
        <v>2203</v>
      </c>
      <c r="H452" s="10">
        <v>446</v>
      </c>
    </row>
    <row r="453" spans="1:8" s="10" customFormat="1" ht="45" customHeight="1" x14ac:dyDescent="0.15">
      <c r="A453" s="15" t="s">
        <v>109</v>
      </c>
      <c r="B453" s="18">
        <v>22</v>
      </c>
      <c r="C453" s="15" t="s">
        <v>512</v>
      </c>
      <c r="D453" s="15" t="s">
        <v>56</v>
      </c>
      <c r="E453" s="16" t="s">
        <v>1826</v>
      </c>
      <c r="F453" s="15" t="s">
        <v>2285</v>
      </c>
      <c r="G453" s="16" t="s">
        <v>88</v>
      </c>
      <c r="H453" s="10">
        <v>447</v>
      </c>
    </row>
    <row r="454" spans="1:8" s="10" customFormat="1" ht="45" customHeight="1" x14ac:dyDescent="0.15">
      <c r="A454" s="15" t="s">
        <v>109</v>
      </c>
      <c r="B454" s="18">
        <v>24</v>
      </c>
      <c r="C454" s="15" t="s">
        <v>513</v>
      </c>
      <c r="D454" s="15" t="s">
        <v>56</v>
      </c>
      <c r="E454" s="16" t="s">
        <v>1825</v>
      </c>
      <c r="F454" s="15" t="s">
        <v>2532</v>
      </c>
      <c r="G454" s="16" t="s">
        <v>2204</v>
      </c>
      <c r="H454" s="10">
        <v>448</v>
      </c>
    </row>
    <row r="455" spans="1:8" s="10" customFormat="1" ht="45" customHeight="1" x14ac:dyDescent="0.15">
      <c r="A455" s="15" t="s">
        <v>109</v>
      </c>
      <c r="B455" s="18">
        <v>26</v>
      </c>
      <c r="C455" s="15" t="s">
        <v>514</v>
      </c>
      <c r="D455" s="15" t="s">
        <v>1168</v>
      </c>
      <c r="E455" s="16" t="s">
        <v>1827</v>
      </c>
      <c r="F455" s="15" t="s">
        <v>2533</v>
      </c>
      <c r="G455" s="16" t="s">
        <v>87</v>
      </c>
      <c r="H455" s="10">
        <v>449</v>
      </c>
    </row>
    <row r="456" spans="1:8" s="10" customFormat="1" ht="45" customHeight="1" x14ac:dyDescent="0.15">
      <c r="A456" s="15" t="s">
        <v>109</v>
      </c>
      <c r="B456" s="18">
        <v>27</v>
      </c>
      <c r="C456" s="15" t="s">
        <v>515</v>
      </c>
      <c r="D456" s="15" t="s">
        <v>1169</v>
      </c>
      <c r="E456" s="16" t="s">
        <v>1827</v>
      </c>
      <c r="F456" s="15" t="s">
        <v>2524</v>
      </c>
      <c r="G456" s="16" t="s">
        <v>2131</v>
      </c>
      <c r="H456" s="10">
        <v>450</v>
      </c>
    </row>
    <row r="457" spans="1:8" s="10" customFormat="1" ht="45" customHeight="1" x14ac:dyDescent="0.15">
      <c r="A457" s="15" t="s">
        <v>109</v>
      </c>
      <c r="B457" s="18">
        <v>28</v>
      </c>
      <c r="C457" s="15" t="s">
        <v>516</v>
      </c>
      <c r="D457" s="15" t="s">
        <v>1170</v>
      </c>
      <c r="E457" s="16" t="s">
        <v>1828</v>
      </c>
      <c r="F457" s="15" t="s">
        <v>2534</v>
      </c>
      <c r="G457" s="16" t="s">
        <v>2131</v>
      </c>
      <c r="H457" s="10">
        <v>451</v>
      </c>
    </row>
    <row r="458" spans="1:8" s="10" customFormat="1" ht="45" customHeight="1" x14ac:dyDescent="0.15">
      <c r="A458" s="15" t="s">
        <v>110</v>
      </c>
      <c r="B458" s="18">
        <v>5</v>
      </c>
      <c r="C458" s="15" t="s">
        <v>517</v>
      </c>
      <c r="D458" s="15" t="s">
        <v>1171</v>
      </c>
      <c r="E458" s="16" t="s">
        <v>1829</v>
      </c>
      <c r="F458" s="15" t="s">
        <v>2288</v>
      </c>
      <c r="G458" s="16" t="s">
        <v>2131</v>
      </c>
      <c r="H458" s="10">
        <v>452</v>
      </c>
    </row>
    <row r="459" spans="1:8" s="10" customFormat="1" ht="45" customHeight="1" x14ac:dyDescent="0.15">
      <c r="A459" s="15" t="s">
        <v>110</v>
      </c>
      <c r="B459" s="18">
        <v>7</v>
      </c>
      <c r="C459" s="15" t="s">
        <v>518</v>
      </c>
      <c r="D459" s="15" t="s">
        <v>1172</v>
      </c>
      <c r="E459" s="16" t="s">
        <v>1830</v>
      </c>
      <c r="F459" s="15" t="s">
        <v>2535</v>
      </c>
      <c r="G459" s="16" t="s">
        <v>2174</v>
      </c>
      <c r="H459" s="10">
        <v>453</v>
      </c>
    </row>
    <row r="460" spans="1:8" s="10" customFormat="1" ht="45" customHeight="1" x14ac:dyDescent="0.15">
      <c r="A460" s="15" t="s">
        <v>110</v>
      </c>
      <c r="B460" s="18">
        <v>8</v>
      </c>
      <c r="C460" s="15" t="s">
        <v>519</v>
      </c>
      <c r="D460" s="15" t="s">
        <v>1173</v>
      </c>
      <c r="E460" s="16" t="s">
        <v>1831</v>
      </c>
      <c r="F460" s="15" t="s">
        <v>2536</v>
      </c>
      <c r="G460" s="16" t="s">
        <v>2131</v>
      </c>
      <c r="H460" s="10">
        <v>454</v>
      </c>
    </row>
    <row r="461" spans="1:8" s="10" customFormat="1" ht="45" customHeight="1" x14ac:dyDescent="0.15">
      <c r="A461" s="15" t="s">
        <v>110</v>
      </c>
      <c r="B461" s="18">
        <v>9</v>
      </c>
      <c r="C461" s="15" t="s">
        <v>520</v>
      </c>
      <c r="D461" s="15" t="s">
        <v>1174</v>
      </c>
      <c r="E461" s="16" t="s">
        <v>1832</v>
      </c>
      <c r="F461" s="15" t="s">
        <v>2537</v>
      </c>
      <c r="G461" s="16" t="s">
        <v>2174</v>
      </c>
      <c r="H461" s="10">
        <v>455</v>
      </c>
    </row>
    <row r="462" spans="1:8" s="10" customFormat="1" ht="45" customHeight="1" x14ac:dyDescent="0.15">
      <c r="A462" s="15" t="s">
        <v>110</v>
      </c>
      <c r="B462" s="18">
        <v>10</v>
      </c>
      <c r="C462" s="15" t="s">
        <v>521</v>
      </c>
      <c r="D462" s="15" t="s">
        <v>6</v>
      </c>
      <c r="E462" s="16" t="s">
        <v>7</v>
      </c>
      <c r="F462" s="15" t="s">
        <v>2538</v>
      </c>
      <c r="G462" s="16" t="s">
        <v>2131</v>
      </c>
      <c r="H462" s="10">
        <v>456</v>
      </c>
    </row>
    <row r="463" spans="1:8" s="10" customFormat="1" ht="45" customHeight="1" x14ac:dyDescent="0.15">
      <c r="A463" s="15" t="s">
        <v>110</v>
      </c>
      <c r="B463" s="18">
        <v>11</v>
      </c>
      <c r="C463" s="15" t="s">
        <v>522</v>
      </c>
      <c r="D463" s="15" t="s">
        <v>1175</v>
      </c>
      <c r="E463" s="16" t="s">
        <v>1833</v>
      </c>
      <c r="F463" s="15" t="s">
        <v>2289</v>
      </c>
      <c r="G463" s="16" t="s">
        <v>2174</v>
      </c>
      <c r="H463" s="10">
        <v>457</v>
      </c>
    </row>
    <row r="464" spans="1:8" s="10" customFormat="1" ht="45" customHeight="1" x14ac:dyDescent="0.15">
      <c r="A464" s="15" t="s">
        <v>110</v>
      </c>
      <c r="B464" s="18">
        <v>12</v>
      </c>
      <c r="C464" s="15" t="s">
        <v>523</v>
      </c>
      <c r="D464" s="15" t="s">
        <v>1176</v>
      </c>
      <c r="E464" s="16" t="s">
        <v>1834</v>
      </c>
      <c r="F464" s="15" t="s">
        <v>2536</v>
      </c>
      <c r="G464" s="16" t="s">
        <v>2174</v>
      </c>
      <c r="H464" s="10">
        <v>458</v>
      </c>
    </row>
    <row r="465" spans="1:8" s="10" customFormat="1" ht="45" customHeight="1" x14ac:dyDescent="0.15">
      <c r="A465" s="15" t="s">
        <v>110</v>
      </c>
      <c r="B465" s="18">
        <v>13</v>
      </c>
      <c r="C465" s="15" t="s">
        <v>524</v>
      </c>
      <c r="D465" s="15" t="s">
        <v>1177</v>
      </c>
      <c r="E465" s="16" t="s">
        <v>1835</v>
      </c>
      <c r="F465" s="15" t="s">
        <v>2539</v>
      </c>
      <c r="G465" s="16" t="s">
        <v>2174</v>
      </c>
      <c r="H465" s="10">
        <v>459</v>
      </c>
    </row>
    <row r="466" spans="1:8" s="10" customFormat="1" ht="45" customHeight="1" x14ac:dyDescent="0.15">
      <c r="A466" s="15" t="s">
        <v>110</v>
      </c>
      <c r="B466" s="18">
        <v>14</v>
      </c>
      <c r="C466" s="15" t="s">
        <v>525</v>
      </c>
      <c r="D466" s="15" t="s">
        <v>1178</v>
      </c>
      <c r="E466" s="16" t="s">
        <v>1836</v>
      </c>
      <c r="F466" s="15" t="s">
        <v>2443</v>
      </c>
      <c r="G466" s="16" t="s">
        <v>2174</v>
      </c>
      <c r="H466" s="10">
        <v>460</v>
      </c>
    </row>
    <row r="467" spans="1:8" s="10" customFormat="1" ht="45" customHeight="1" x14ac:dyDescent="0.15">
      <c r="A467" s="15" t="s">
        <v>110</v>
      </c>
      <c r="B467" s="18">
        <v>16</v>
      </c>
      <c r="C467" s="15" t="s">
        <v>2231</v>
      </c>
      <c r="D467" s="15" t="s">
        <v>1179</v>
      </c>
      <c r="E467" s="16" t="s">
        <v>1837</v>
      </c>
      <c r="F467" s="15" t="s">
        <v>2540</v>
      </c>
      <c r="G467" s="16" t="s">
        <v>2174</v>
      </c>
      <c r="H467" s="10">
        <v>461</v>
      </c>
    </row>
    <row r="468" spans="1:8" s="10" customFormat="1" ht="45" customHeight="1" x14ac:dyDescent="0.15">
      <c r="A468" s="15" t="s">
        <v>110</v>
      </c>
      <c r="B468" s="18">
        <v>17</v>
      </c>
      <c r="C468" s="15" t="s">
        <v>526</v>
      </c>
      <c r="D468" s="15" t="s">
        <v>1180</v>
      </c>
      <c r="E468" s="16" t="s">
        <v>1838</v>
      </c>
      <c r="F468" s="15" t="s">
        <v>2290</v>
      </c>
      <c r="G468" s="16" t="s">
        <v>2174</v>
      </c>
      <c r="H468" s="10">
        <v>462</v>
      </c>
    </row>
    <row r="469" spans="1:8" s="10" customFormat="1" ht="45" customHeight="1" x14ac:dyDescent="0.15">
      <c r="A469" s="15" t="s">
        <v>110</v>
      </c>
      <c r="B469" s="18">
        <v>18</v>
      </c>
      <c r="C469" s="15" t="s">
        <v>527</v>
      </c>
      <c r="D469" s="15" t="s">
        <v>1181</v>
      </c>
      <c r="E469" s="16" t="s">
        <v>1839</v>
      </c>
      <c r="F469" s="15" t="s">
        <v>2291</v>
      </c>
      <c r="G469" s="16" t="s">
        <v>2131</v>
      </c>
      <c r="H469" s="10">
        <v>463</v>
      </c>
    </row>
    <row r="470" spans="1:8" s="10" customFormat="1" ht="45" customHeight="1" x14ac:dyDescent="0.15">
      <c r="A470" s="15" t="s">
        <v>110</v>
      </c>
      <c r="B470" s="18">
        <v>19</v>
      </c>
      <c r="C470" s="15" t="s">
        <v>528</v>
      </c>
      <c r="D470" s="15" t="s">
        <v>1182</v>
      </c>
      <c r="E470" s="16" t="s">
        <v>1840</v>
      </c>
      <c r="F470" s="15" t="s">
        <v>2541</v>
      </c>
      <c r="G470" s="16" t="s">
        <v>2201</v>
      </c>
      <c r="H470" s="10">
        <v>464</v>
      </c>
    </row>
    <row r="471" spans="1:8" s="10" customFormat="1" ht="45" customHeight="1" x14ac:dyDescent="0.15">
      <c r="A471" s="15" t="s">
        <v>110</v>
      </c>
      <c r="B471" s="18">
        <v>21</v>
      </c>
      <c r="C471" s="15" t="s">
        <v>529</v>
      </c>
      <c r="D471" s="15" t="s">
        <v>1183</v>
      </c>
      <c r="E471" s="16" t="s">
        <v>1841</v>
      </c>
      <c r="F471" s="15" t="s">
        <v>2542</v>
      </c>
      <c r="G471" s="16" t="s">
        <v>2174</v>
      </c>
      <c r="H471" s="10">
        <v>465</v>
      </c>
    </row>
    <row r="472" spans="1:8" s="10" customFormat="1" ht="45" customHeight="1" x14ac:dyDescent="0.15">
      <c r="A472" s="15" t="s">
        <v>110</v>
      </c>
      <c r="B472" s="18">
        <v>23</v>
      </c>
      <c r="C472" s="15" t="s">
        <v>530</v>
      </c>
      <c r="D472" s="15" t="s">
        <v>1184</v>
      </c>
      <c r="E472" s="16" t="s">
        <v>1842</v>
      </c>
      <c r="F472" s="15" t="s">
        <v>2539</v>
      </c>
      <c r="G472" s="16" t="s">
        <v>2205</v>
      </c>
      <c r="H472" s="10">
        <v>466</v>
      </c>
    </row>
    <row r="473" spans="1:8" s="10" customFormat="1" ht="45" customHeight="1" x14ac:dyDescent="0.15">
      <c r="A473" s="15" t="s">
        <v>110</v>
      </c>
      <c r="B473" s="18">
        <v>24</v>
      </c>
      <c r="C473" s="15" t="s">
        <v>531</v>
      </c>
      <c r="D473" s="15" t="s">
        <v>1185</v>
      </c>
      <c r="E473" s="16" t="s">
        <v>1842</v>
      </c>
      <c r="F473" s="15" t="s">
        <v>2539</v>
      </c>
      <c r="G473" s="16" t="s">
        <v>2205</v>
      </c>
      <c r="H473" s="10">
        <v>467</v>
      </c>
    </row>
    <row r="474" spans="1:8" s="10" customFormat="1" ht="45" customHeight="1" x14ac:dyDescent="0.15">
      <c r="A474" s="15" t="s">
        <v>110</v>
      </c>
      <c r="B474" s="18">
        <v>25</v>
      </c>
      <c r="C474" s="15" t="s">
        <v>532</v>
      </c>
      <c r="D474" s="15" t="s">
        <v>1186</v>
      </c>
      <c r="E474" s="16" t="s">
        <v>1843</v>
      </c>
      <c r="F474" s="15" t="s">
        <v>2541</v>
      </c>
      <c r="G474" s="16" t="s">
        <v>2174</v>
      </c>
      <c r="H474" s="10">
        <v>468</v>
      </c>
    </row>
    <row r="475" spans="1:8" s="10" customFormat="1" ht="45" customHeight="1" x14ac:dyDescent="0.15">
      <c r="A475" s="15" t="s">
        <v>110</v>
      </c>
      <c r="B475" s="18">
        <v>26</v>
      </c>
      <c r="C475" s="15" t="s">
        <v>533</v>
      </c>
      <c r="D475" s="15" t="s">
        <v>1187</v>
      </c>
      <c r="E475" s="16" t="s">
        <v>1844</v>
      </c>
      <c r="F475" s="15" t="s">
        <v>2540</v>
      </c>
      <c r="G475" s="16" t="s">
        <v>2206</v>
      </c>
      <c r="H475" s="10">
        <v>469</v>
      </c>
    </row>
    <row r="476" spans="1:8" s="10" customFormat="1" ht="45" customHeight="1" x14ac:dyDescent="0.15">
      <c r="A476" s="15" t="s">
        <v>110</v>
      </c>
      <c r="B476" s="18">
        <v>27</v>
      </c>
      <c r="C476" s="15" t="s">
        <v>534</v>
      </c>
      <c r="D476" s="15" t="s">
        <v>1188</v>
      </c>
      <c r="E476" s="16" t="s">
        <v>1845</v>
      </c>
      <c r="F476" s="15" t="s">
        <v>2288</v>
      </c>
      <c r="G476" s="16" t="s">
        <v>2205</v>
      </c>
      <c r="H476" s="10">
        <v>470</v>
      </c>
    </row>
    <row r="477" spans="1:8" s="10" customFormat="1" ht="45" customHeight="1" x14ac:dyDescent="0.15">
      <c r="A477" s="15" t="s">
        <v>110</v>
      </c>
      <c r="B477" s="18">
        <v>29</v>
      </c>
      <c r="C477" s="15" t="s">
        <v>535</v>
      </c>
      <c r="D477" s="15" t="s">
        <v>1189</v>
      </c>
      <c r="E477" s="16" t="s">
        <v>1846</v>
      </c>
      <c r="F477" s="15" t="s">
        <v>2292</v>
      </c>
      <c r="G477" s="16" t="s">
        <v>2205</v>
      </c>
      <c r="H477" s="10">
        <v>471</v>
      </c>
    </row>
    <row r="478" spans="1:8" s="10" customFormat="1" ht="45" customHeight="1" x14ac:dyDescent="0.15">
      <c r="A478" s="15" t="s">
        <v>110</v>
      </c>
      <c r="B478" s="18">
        <v>31</v>
      </c>
      <c r="C478" s="15" t="s">
        <v>536</v>
      </c>
      <c r="D478" s="15" t="s">
        <v>1190</v>
      </c>
      <c r="E478" s="16" t="s">
        <v>1847</v>
      </c>
      <c r="F478" s="15" t="s">
        <v>2293</v>
      </c>
      <c r="G478" s="16" t="s">
        <v>2207</v>
      </c>
      <c r="H478" s="10">
        <v>472</v>
      </c>
    </row>
    <row r="479" spans="1:8" s="10" customFormat="1" ht="45" customHeight="1" x14ac:dyDescent="0.15">
      <c r="A479" s="15" t="s">
        <v>110</v>
      </c>
      <c r="B479" s="18">
        <v>32</v>
      </c>
      <c r="C479" s="15" t="s">
        <v>537</v>
      </c>
      <c r="D479" s="15" t="s">
        <v>1191</v>
      </c>
      <c r="E479" s="16" t="s">
        <v>1848</v>
      </c>
      <c r="F479" s="15" t="s">
        <v>2543</v>
      </c>
      <c r="G479" s="16" t="s">
        <v>2172</v>
      </c>
      <c r="H479" s="10">
        <v>473</v>
      </c>
    </row>
    <row r="480" spans="1:8" s="10" customFormat="1" ht="45" customHeight="1" x14ac:dyDescent="0.15">
      <c r="A480" s="15" t="s">
        <v>110</v>
      </c>
      <c r="B480" s="18">
        <v>33</v>
      </c>
      <c r="C480" s="15" t="s">
        <v>538</v>
      </c>
      <c r="D480" s="15" t="s">
        <v>1192</v>
      </c>
      <c r="E480" s="16" t="s">
        <v>1849</v>
      </c>
      <c r="F480" s="15" t="s">
        <v>2536</v>
      </c>
      <c r="G480" s="16" t="s">
        <v>2174</v>
      </c>
      <c r="H480" s="10">
        <v>474</v>
      </c>
    </row>
    <row r="481" spans="1:8" s="10" customFormat="1" ht="45" customHeight="1" x14ac:dyDescent="0.15">
      <c r="A481" s="15" t="s">
        <v>110</v>
      </c>
      <c r="B481" s="18">
        <v>34</v>
      </c>
      <c r="C481" s="15" t="s">
        <v>539</v>
      </c>
      <c r="D481" s="15" t="s">
        <v>1193</v>
      </c>
      <c r="E481" s="16" t="s">
        <v>1850</v>
      </c>
      <c r="F481" s="15" t="s">
        <v>2544</v>
      </c>
      <c r="G481" s="16" t="s">
        <v>2174</v>
      </c>
      <c r="H481" s="10">
        <v>475</v>
      </c>
    </row>
    <row r="482" spans="1:8" s="10" customFormat="1" ht="45" customHeight="1" x14ac:dyDescent="0.15">
      <c r="A482" s="15" t="s">
        <v>110</v>
      </c>
      <c r="B482" s="18">
        <v>35</v>
      </c>
      <c r="C482" s="15" t="s">
        <v>540</v>
      </c>
      <c r="D482" s="15" t="s">
        <v>1194</v>
      </c>
      <c r="E482" s="16" t="s">
        <v>1851</v>
      </c>
      <c r="F482" s="15" t="s">
        <v>2294</v>
      </c>
      <c r="G482" s="16" t="s">
        <v>2171</v>
      </c>
      <c r="H482" s="10">
        <v>476</v>
      </c>
    </row>
    <row r="483" spans="1:8" s="10" customFormat="1" ht="45" customHeight="1" x14ac:dyDescent="0.15">
      <c r="A483" s="15" t="s">
        <v>110</v>
      </c>
      <c r="B483" s="18">
        <v>36</v>
      </c>
      <c r="C483" s="15" t="s">
        <v>541</v>
      </c>
      <c r="D483" s="15" t="s">
        <v>1195</v>
      </c>
      <c r="E483" s="16" t="s">
        <v>1852</v>
      </c>
      <c r="F483" s="15" t="s">
        <v>1853</v>
      </c>
      <c r="G483" s="16" t="s">
        <v>2208</v>
      </c>
      <c r="H483" s="10">
        <v>477</v>
      </c>
    </row>
    <row r="484" spans="1:8" s="10" customFormat="1" ht="45" customHeight="1" x14ac:dyDescent="0.15">
      <c r="A484" s="15" t="s">
        <v>110</v>
      </c>
      <c r="B484" s="18">
        <v>38</v>
      </c>
      <c r="C484" s="15" t="s">
        <v>542</v>
      </c>
      <c r="D484" s="15" t="s">
        <v>1196</v>
      </c>
      <c r="E484" s="16" t="s">
        <v>1854</v>
      </c>
      <c r="F484" s="15" t="s">
        <v>2545</v>
      </c>
      <c r="G484" s="16" t="s">
        <v>2172</v>
      </c>
      <c r="H484" s="10">
        <v>478</v>
      </c>
    </row>
    <row r="485" spans="1:8" s="10" customFormat="1" ht="45" customHeight="1" x14ac:dyDescent="0.15">
      <c r="A485" s="15" t="s">
        <v>111</v>
      </c>
      <c r="B485" s="18">
        <v>42</v>
      </c>
      <c r="C485" s="15" t="s">
        <v>543</v>
      </c>
      <c r="D485" s="15" t="s">
        <v>1197</v>
      </c>
      <c r="E485" s="16" t="s">
        <v>1855</v>
      </c>
      <c r="F485" s="15" t="s">
        <v>2399</v>
      </c>
      <c r="G485" s="16" t="s">
        <v>2209</v>
      </c>
      <c r="H485" s="10">
        <v>479</v>
      </c>
    </row>
    <row r="486" spans="1:8" s="10" customFormat="1" ht="45" customHeight="1" x14ac:dyDescent="0.15">
      <c r="A486" s="15" t="s">
        <v>111</v>
      </c>
      <c r="B486" s="18">
        <v>43</v>
      </c>
      <c r="C486" s="15" t="s">
        <v>544</v>
      </c>
      <c r="D486" s="15" t="s">
        <v>1198</v>
      </c>
      <c r="E486" s="16" t="s">
        <v>1856</v>
      </c>
      <c r="F486" s="15" t="s">
        <v>2546</v>
      </c>
      <c r="G486" s="15" t="s">
        <v>2209</v>
      </c>
      <c r="H486" s="10">
        <v>480</v>
      </c>
    </row>
    <row r="487" spans="1:8" s="10" customFormat="1" ht="45" customHeight="1" x14ac:dyDescent="0.15">
      <c r="A487" s="15" t="s">
        <v>111</v>
      </c>
      <c r="B487" s="18">
        <v>44</v>
      </c>
      <c r="C487" s="15" t="s">
        <v>545</v>
      </c>
      <c r="D487" s="15" t="s">
        <v>1199</v>
      </c>
      <c r="E487" s="16" t="s">
        <v>1857</v>
      </c>
      <c r="F487" s="15" t="s">
        <v>2547</v>
      </c>
      <c r="G487" s="16" t="s">
        <v>2209</v>
      </c>
      <c r="H487" s="10">
        <v>481</v>
      </c>
    </row>
    <row r="488" spans="1:8" s="10" customFormat="1" ht="45" customHeight="1" x14ac:dyDescent="0.15">
      <c r="A488" s="15" t="s">
        <v>111</v>
      </c>
      <c r="B488" s="18">
        <v>45</v>
      </c>
      <c r="C488" s="15" t="s">
        <v>546</v>
      </c>
      <c r="D488" s="15" t="s">
        <v>1200</v>
      </c>
      <c r="E488" s="16" t="s">
        <v>1840</v>
      </c>
      <c r="F488" s="15" t="s">
        <v>2544</v>
      </c>
      <c r="G488" s="16" t="s">
        <v>2209</v>
      </c>
      <c r="H488" s="10">
        <v>482</v>
      </c>
    </row>
    <row r="489" spans="1:8" s="10" customFormat="1" ht="45" customHeight="1" x14ac:dyDescent="0.15">
      <c r="A489" s="15" t="s">
        <v>111</v>
      </c>
      <c r="B489" s="18">
        <v>46</v>
      </c>
      <c r="C489" s="15" t="s">
        <v>547</v>
      </c>
      <c r="D489" s="15" t="s">
        <v>1196</v>
      </c>
      <c r="E489" s="16" t="s">
        <v>1858</v>
      </c>
      <c r="F489" s="15" t="s">
        <v>2443</v>
      </c>
      <c r="G489" s="16" t="s">
        <v>2209</v>
      </c>
      <c r="H489" s="10">
        <v>483</v>
      </c>
    </row>
    <row r="490" spans="1:8" s="10" customFormat="1" ht="45" customHeight="1" x14ac:dyDescent="0.15">
      <c r="A490" s="15" t="s">
        <v>111</v>
      </c>
      <c r="B490" s="18">
        <v>47</v>
      </c>
      <c r="C490" s="15" t="s">
        <v>548</v>
      </c>
      <c r="D490" s="15" t="s">
        <v>1201</v>
      </c>
      <c r="E490" s="16" t="s">
        <v>1859</v>
      </c>
      <c r="F490" s="15" t="s">
        <v>2538</v>
      </c>
      <c r="G490" s="16" t="s">
        <v>2206</v>
      </c>
      <c r="H490" s="10">
        <v>484</v>
      </c>
    </row>
    <row r="491" spans="1:8" s="10" customFormat="1" ht="45" customHeight="1" x14ac:dyDescent="0.15">
      <c r="A491" s="15" t="s">
        <v>110</v>
      </c>
      <c r="B491" s="18">
        <v>48</v>
      </c>
      <c r="C491" s="15" t="s">
        <v>549</v>
      </c>
      <c r="D491" s="15" t="s">
        <v>1202</v>
      </c>
      <c r="E491" s="16" t="s">
        <v>1860</v>
      </c>
      <c r="F491" s="15" t="s">
        <v>2548</v>
      </c>
      <c r="G491" s="16" t="s">
        <v>2202</v>
      </c>
      <c r="H491" s="10">
        <v>485</v>
      </c>
    </row>
    <row r="492" spans="1:8" s="10" customFormat="1" ht="45" customHeight="1" x14ac:dyDescent="0.15">
      <c r="A492" s="15" t="s">
        <v>110</v>
      </c>
      <c r="B492" s="18">
        <v>50</v>
      </c>
      <c r="C492" s="15" t="s">
        <v>550</v>
      </c>
      <c r="D492" s="15" t="s">
        <v>1203</v>
      </c>
      <c r="E492" s="16" t="s">
        <v>1861</v>
      </c>
      <c r="F492" s="15" t="s">
        <v>2549</v>
      </c>
      <c r="G492" s="16" t="s">
        <v>2210</v>
      </c>
      <c r="H492" s="10">
        <v>486</v>
      </c>
    </row>
    <row r="493" spans="1:8" s="10" customFormat="1" ht="45" customHeight="1" x14ac:dyDescent="0.15">
      <c r="A493" s="15" t="s">
        <v>110</v>
      </c>
      <c r="B493" s="18">
        <v>51</v>
      </c>
      <c r="C493" s="15" t="s">
        <v>551</v>
      </c>
      <c r="D493" s="15" t="s">
        <v>60</v>
      </c>
      <c r="E493" s="16" t="s">
        <v>1862</v>
      </c>
      <c r="F493" s="15" t="s">
        <v>2535</v>
      </c>
      <c r="G493" s="16" t="s">
        <v>2172</v>
      </c>
      <c r="H493" s="10">
        <v>487</v>
      </c>
    </row>
    <row r="494" spans="1:8" s="10" customFormat="1" ht="45" customHeight="1" x14ac:dyDescent="0.15">
      <c r="A494" s="15" t="s">
        <v>112</v>
      </c>
      <c r="B494" s="18">
        <v>53</v>
      </c>
      <c r="C494" s="15" t="s">
        <v>552</v>
      </c>
      <c r="D494" s="15" t="s">
        <v>1171</v>
      </c>
      <c r="E494" s="16" t="s">
        <v>1863</v>
      </c>
      <c r="F494" s="15" t="s">
        <v>2288</v>
      </c>
      <c r="G494" s="16" t="s">
        <v>2205</v>
      </c>
      <c r="H494" s="10">
        <v>488</v>
      </c>
    </row>
    <row r="495" spans="1:8" s="10" customFormat="1" ht="45" customHeight="1" x14ac:dyDescent="0.15">
      <c r="A495" s="15" t="s">
        <v>110</v>
      </c>
      <c r="B495" s="18">
        <v>55</v>
      </c>
      <c r="C495" s="15" t="s">
        <v>553</v>
      </c>
      <c r="D495" s="15" t="s">
        <v>1204</v>
      </c>
      <c r="E495" s="16" t="s">
        <v>1864</v>
      </c>
      <c r="F495" s="15" t="s">
        <v>2550</v>
      </c>
      <c r="G495" s="16" t="s">
        <v>2210</v>
      </c>
      <c r="H495" s="10">
        <v>489</v>
      </c>
    </row>
    <row r="496" spans="1:8" s="10" customFormat="1" ht="45" customHeight="1" x14ac:dyDescent="0.15">
      <c r="A496" s="15" t="s">
        <v>112</v>
      </c>
      <c r="B496" s="18">
        <v>56</v>
      </c>
      <c r="C496" s="15" t="s">
        <v>319</v>
      </c>
      <c r="D496" s="15" t="s">
        <v>1205</v>
      </c>
      <c r="E496" s="16" t="s">
        <v>7</v>
      </c>
      <c r="F496" s="15" t="s">
        <v>2536</v>
      </c>
      <c r="G496" s="15" t="s">
        <v>2172</v>
      </c>
      <c r="H496" s="10">
        <v>490</v>
      </c>
    </row>
    <row r="497" spans="1:8" s="10" customFormat="1" ht="45" customHeight="1" x14ac:dyDescent="0.15">
      <c r="A497" s="15" t="s">
        <v>110</v>
      </c>
      <c r="B497" s="18">
        <v>57</v>
      </c>
      <c r="C497" s="15" t="s">
        <v>554</v>
      </c>
      <c r="D497" s="15" t="s">
        <v>60</v>
      </c>
      <c r="E497" s="16" t="s">
        <v>1865</v>
      </c>
      <c r="F497" s="15" t="s">
        <v>2295</v>
      </c>
      <c r="G497" s="16" t="s">
        <v>2172</v>
      </c>
      <c r="H497" s="10">
        <v>491</v>
      </c>
    </row>
    <row r="498" spans="1:8" s="10" customFormat="1" ht="45" customHeight="1" x14ac:dyDescent="0.15">
      <c r="A498" s="15" t="s">
        <v>110</v>
      </c>
      <c r="B498" s="18">
        <v>58</v>
      </c>
      <c r="C498" s="15" t="s">
        <v>555</v>
      </c>
      <c r="D498" s="15" t="s">
        <v>1206</v>
      </c>
      <c r="E498" s="16" t="s">
        <v>1866</v>
      </c>
      <c r="F498" s="15" t="s">
        <v>2542</v>
      </c>
      <c r="G498" s="16" t="s">
        <v>2172</v>
      </c>
      <c r="H498" s="10">
        <v>492</v>
      </c>
    </row>
    <row r="499" spans="1:8" s="10" customFormat="1" ht="45" customHeight="1" x14ac:dyDescent="0.15">
      <c r="A499" s="15" t="s">
        <v>113</v>
      </c>
      <c r="B499" s="18">
        <v>59</v>
      </c>
      <c r="C499" s="15" t="s">
        <v>556</v>
      </c>
      <c r="D499" s="15" t="s">
        <v>1207</v>
      </c>
      <c r="E499" s="16" t="s">
        <v>1867</v>
      </c>
      <c r="F499" s="15" t="s">
        <v>2551</v>
      </c>
      <c r="G499" s="16" t="s">
        <v>2206</v>
      </c>
      <c r="H499" s="10">
        <v>493</v>
      </c>
    </row>
    <row r="500" spans="1:8" s="10" customFormat="1" ht="45" customHeight="1" x14ac:dyDescent="0.15">
      <c r="A500" s="15" t="s">
        <v>113</v>
      </c>
      <c r="B500" s="18">
        <v>60</v>
      </c>
      <c r="C500" s="15" t="s">
        <v>557</v>
      </c>
      <c r="D500" s="15" t="s">
        <v>1208</v>
      </c>
      <c r="E500" s="16" t="s">
        <v>1868</v>
      </c>
      <c r="F500" s="15" t="s">
        <v>2296</v>
      </c>
      <c r="G500" s="16" t="s">
        <v>2202</v>
      </c>
      <c r="H500" s="10">
        <v>494</v>
      </c>
    </row>
    <row r="501" spans="1:8" s="10" customFormat="1" ht="45" customHeight="1" x14ac:dyDescent="0.15">
      <c r="A501" s="15" t="s">
        <v>113</v>
      </c>
      <c r="B501" s="18">
        <v>61</v>
      </c>
      <c r="C501" s="15" t="s">
        <v>558</v>
      </c>
      <c r="D501" s="15" t="s">
        <v>1209</v>
      </c>
      <c r="E501" s="16" t="s">
        <v>1869</v>
      </c>
      <c r="F501" s="15" t="s">
        <v>2297</v>
      </c>
      <c r="G501" s="16" t="s">
        <v>2205</v>
      </c>
      <c r="H501" s="10">
        <v>495</v>
      </c>
    </row>
    <row r="502" spans="1:8" s="10" customFormat="1" ht="45" customHeight="1" x14ac:dyDescent="0.15">
      <c r="A502" s="15" t="s">
        <v>110</v>
      </c>
      <c r="B502" s="18">
        <v>63</v>
      </c>
      <c r="C502" s="15" t="s">
        <v>559</v>
      </c>
      <c r="D502" s="15" t="s">
        <v>1210</v>
      </c>
      <c r="E502" s="16" t="s">
        <v>1870</v>
      </c>
      <c r="F502" s="15" t="s">
        <v>2552</v>
      </c>
      <c r="G502" s="15" t="s">
        <v>2205</v>
      </c>
      <c r="H502" s="10">
        <v>496</v>
      </c>
    </row>
    <row r="503" spans="1:8" s="10" customFormat="1" ht="45" customHeight="1" x14ac:dyDescent="0.15">
      <c r="A503" s="15" t="s">
        <v>110</v>
      </c>
      <c r="B503" s="18">
        <v>64</v>
      </c>
      <c r="C503" s="15" t="s">
        <v>560</v>
      </c>
      <c r="D503" s="15" t="s">
        <v>1211</v>
      </c>
      <c r="E503" s="16" t="s">
        <v>1871</v>
      </c>
      <c r="F503" s="15" t="s">
        <v>2548</v>
      </c>
      <c r="G503" s="16" t="s">
        <v>2206</v>
      </c>
      <c r="H503" s="10">
        <v>497</v>
      </c>
    </row>
    <row r="504" spans="1:8" s="10" customFormat="1" ht="45" customHeight="1" x14ac:dyDescent="0.15">
      <c r="A504" s="15" t="s">
        <v>110</v>
      </c>
      <c r="B504" s="18">
        <v>65</v>
      </c>
      <c r="C504" s="15" t="s">
        <v>561</v>
      </c>
      <c r="D504" s="15" t="s">
        <v>1212</v>
      </c>
      <c r="E504" s="16" t="s">
        <v>1840</v>
      </c>
      <c r="F504" s="15" t="s">
        <v>2290</v>
      </c>
      <c r="G504" s="15" t="s">
        <v>2174</v>
      </c>
      <c r="H504" s="10">
        <v>498</v>
      </c>
    </row>
    <row r="505" spans="1:8" s="10" customFormat="1" ht="45" customHeight="1" x14ac:dyDescent="0.15">
      <c r="A505" s="15" t="s">
        <v>110</v>
      </c>
      <c r="B505" s="18">
        <v>66</v>
      </c>
      <c r="C505" s="15" t="s">
        <v>562</v>
      </c>
      <c r="D505" s="15" t="s">
        <v>1213</v>
      </c>
      <c r="E505" s="16" t="s">
        <v>1843</v>
      </c>
      <c r="F505" s="15" t="s">
        <v>2544</v>
      </c>
      <c r="G505" s="15" t="s">
        <v>2174</v>
      </c>
      <c r="H505" s="10">
        <v>499</v>
      </c>
    </row>
    <row r="506" spans="1:8" s="10" customFormat="1" ht="45" customHeight="1" x14ac:dyDescent="0.15">
      <c r="A506" s="15" t="s">
        <v>110</v>
      </c>
      <c r="B506" s="18">
        <v>67</v>
      </c>
      <c r="C506" s="15" t="s">
        <v>563</v>
      </c>
      <c r="D506" s="15" t="s">
        <v>1214</v>
      </c>
      <c r="E506" s="16" t="s">
        <v>1872</v>
      </c>
      <c r="F506" s="15" t="s">
        <v>2540</v>
      </c>
      <c r="G506" s="15" t="s">
        <v>2200</v>
      </c>
      <c r="H506" s="10">
        <v>500</v>
      </c>
    </row>
    <row r="507" spans="1:8" s="10" customFormat="1" ht="45" customHeight="1" x14ac:dyDescent="0.15">
      <c r="A507" s="15" t="s">
        <v>110</v>
      </c>
      <c r="B507" s="18">
        <v>68</v>
      </c>
      <c r="C507" s="15" t="s">
        <v>564</v>
      </c>
      <c r="D507" s="15" t="s">
        <v>1215</v>
      </c>
      <c r="E507" s="16" t="s">
        <v>1873</v>
      </c>
      <c r="F507" s="15" t="s">
        <v>2443</v>
      </c>
      <c r="G507" s="15" t="s">
        <v>2206</v>
      </c>
      <c r="H507" s="10">
        <v>501</v>
      </c>
    </row>
    <row r="508" spans="1:8" s="10" customFormat="1" ht="45" customHeight="1" x14ac:dyDescent="0.15">
      <c r="A508" s="15" t="s">
        <v>110</v>
      </c>
      <c r="B508" s="18">
        <v>69</v>
      </c>
      <c r="C508" s="15" t="s">
        <v>565</v>
      </c>
      <c r="D508" s="15" t="s">
        <v>1216</v>
      </c>
      <c r="E508" s="16" t="s">
        <v>1874</v>
      </c>
      <c r="F508" s="15" t="s">
        <v>2535</v>
      </c>
      <c r="G508" s="15" t="s">
        <v>2174</v>
      </c>
      <c r="H508" s="10">
        <v>502</v>
      </c>
    </row>
    <row r="509" spans="1:8" s="10" customFormat="1" ht="45" customHeight="1" x14ac:dyDescent="0.15">
      <c r="A509" s="15" t="s">
        <v>110</v>
      </c>
      <c r="B509" s="18">
        <v>70</v>
      </c>
      <c r="C509" s="15" t="s">
        <v>566</v>
      </c>
      <c r="D509" s="15" t="s">
        <v>1217</v>
      </c>
      <c r="E509" s="16" t="s">
        <v>1875</v>
      </c>
      <c r="F509" s="15" t="s">
        <v>2298</v>
      </c>
      <c r="G509" s="15" t="s">
        <v>2200</v>
      </c>
      <c r="H509" s="10">
        <v>503</v>
      </c>
    </row>
    <row r="510" spans="1:8" s="10" customFormat="1" ht="45" customHeight="1" x14ac:dyDescent="0.15">
      <c r="A510" s="15" t="s">
        <v>110</v>
      </c>
      <c r="B510" s="18">
        <v>71</v>
      </c>
      <c r="C510" s="15" t="s">
        <v>567</v>
      </c>
      <c r="D510" s="15" t="s">
        <v>1218</v>
      </c>
      <c r="E510" s="16" t="s">
        <v>1840</v>
      </c>
      <c r="F510" s="15" t="s">
        <v>2540</v>
      </c>
      <c r="G510" s="15" t="s">
        <v>2174</v>
      </c>
      <c r="H510" s="10">
        <v>504</v>
      </c>
    </row>
    <row r="511" spans="1:8" s="10" customFormat="1" ht="45" customHeight="1" x14ac:dyDescent="0.15">
      <c r="A511" s="15" t="s">
        <v>110</v>
      </c>
      <c r="B511" s="18">
        <v>72</v>
      </c>
      <c r="C511" s="15" t="s">
        <v>568</v>
      </c>
      <c r="D511" s="15" t="s">
        <v>1219</v>
      </c>
      <c r="E511" s="16" t="s">
        <v>1876</v>
      </c>
      <c r="F511" s="15" t="s">
        <v>2553</v>
      </c>
      <c r="G511" s="15" t="s">
        <v>2210</v>
      </c>
      <c r="H511" s="10">
        <v>505</v>
      </c>
    </row>
    <row r="512" spans="1:8" s="10" customFormat="1" ht="45" customHeight="1" x14ac:dyDescent="0.15">
      <c r="A512" s="15" t="s">
        <v>110</v>
      </c>
      <c r="B512" s="18">
        <v>73</v>
      </c>
      <c r="C512" s="15" t="s">
        <v>569</v>
      </c>
      <c r="D512" s="15" t="s">
        <v>1220</v>
      </c>
      <c r="E512" s="16" t="s">
        <v>7</v>
      </c>
      <c r="F512" s="15" t="s">
        <v>2542</v>
      </c>
      <c r="G512" s="15" t="s">
        <v>2172</v>
      </c>
      <c r="H512" s="10">
        <v>506</v>
      </c>
    </row>
    <row r="513" spans="1:8" s="10" customFormat="1" ht="45" customHeight="1" x14ac:dyDescent="0.15">
      <c r="A513" s="15" t="s">
        <v>110</v>
      </c>
      <c r="B513" s="18">
        <v>75</v>
      </c>
      <c r="C513" s="15" t="s">
        <v>570</v>
      </c>
      <c r="D513" s="15" t="s">
        <v>1200</v>
      </c>
      <c r="E513" s="16" t="s">
        <v>1840</v>
      </c>
      <c r="F513" s="15" t="s">
        <v>2554</v>
      </c>
      <c r="G513" s="15" t="s">
        <v>2174</v>
      </c>
      <c r="H513" s="10">
        <v>507</v>
      </c>
    </row>
    <row r="514" spans="1:8" s="10" customFormat="1" ht="45" customHeight="1" x14ac:dyDescent="0.15">
      <c r="A514" s="15" t="s">
        <v>110</v>
      </c>
      <c r="B514" s="18">
        <v>76</v>
      </c>
      <c r="C514" s="15" t="s">
        <v>571</v>
      </c>
      <c r="D514" s="15" t="s">
        <v>1221</v>
      </c>
      <c r="E514" s="16" t="s">
        <v>1877</v>
      </c>
      <c r="F514" s="15" t="s">
        <v>2544</v>
      </c>
      <c r="G514" s="15" t="s">
        <v>2172</v>
      </c>
      <c r="H514" s="10">
        <v>508</v>
      </c>
    </row>
    <row r="515" spans="1:8" s="10" customFormat="1" ht="45" customHeight="1" x14ac:dyDescent="0.15">
      <c r="A515" s="15" t="s">
        <v>110</v>
      </c>
      <c r="B515" s="18">
        <v>77</v>
      </c>
      <c r="C515" s="15" t="s">
        <v>572</v>
      </c>
      <c r="D515" s="15" t="s">
        <v>1221</v>
      </c>
      <c r="E515" s="16" t="s">
        <v>1878</v>
      </c>
      <c r="F515" s="15" t="s">
        <v>2546</v>
      </c>
      <c r="G515" s="15" t="s">
        <v>2172</v>
      </c>
      <c r="H515" s="10">
        <v>509</v>
      </c>
    </row>
    <row r="516" spans="1:8" s="10" customFormat="1" ht="45" customHeight="1" x14ac:dyDescent="0.15">
      <c r="A516" s="15" t="s">
        <v>110</v>
      </c>
      <c r="B516" s="18">
        <v>80</v>
      </c>
      <c r="C516" s="15" t="s">
        <v>573</v>
      </c>
      <c r="D516" s="15" t="s">
        <v>1222</v>
      </c>
      <c r="E516" s="16" t="s">
        <v>1879</v>
      </c>
      <c r="F516" s="15" t="s">
        <v>2443</v>
      </c>
      <c r="G516" s="15" t="s">
        <v>2172</v>
      </c>
      <c r="H516" s="10">
        <v>510</v>
      </c>
    </row>
    <row r="517" spans="1:8" s="10" customFormat="1" ht="45" customHeight="1" x14ac:dyDescent="0.15">
      <c r="A517" s="15" t="s">
        <v>110</v>
      </c>
      <c r="B517" s="18">
        <v>81</v>
      </c>
      <c r="C517" s="15" t="s">
        <v>574</v>
      </c>
      <c r="D517" s="15" t="s">
        <v>1223</v>
      </c>
      <c r="E517" s="16" t="s">
        <v>1880</v>
      </c>
      <c r="F517" s="15" t="s">
        <v>2533</v>
      </c>
      <c r="G517" s="15" t="s">
        <v>2207</v>
      </c>
      <c r="H517" s="10">
        <v>511</v>
      </c>
    </row>
    <row r="518" spans="1:8" s="10" customFormat="1" ht="45" customHeight="1" x14ac:dyDescent="0.15">
      <c r="A518" s="15" t="s">
        <v>110</v>
      </c>
      <c r="B518" s="18">
        <v>82</v>
      </c>
      <c r="C518" s="15" t="s">
        <v>575</v>
      </c>
      <c r="D518" s="15" t="s">
        <v>1224</v>
      </c>
      <c r="E518" s="16" t="s">
        <v>1881</v>
      </c>
      <c r="F518" s="15" t="s">
        <v>2447</v>
      </c>
      <c r="G518" s="15" t="s">
        <v>2207</v>
      </c>
      <c r="H518" s="10">
        <v>512</v>
      </c>
    </row>
    <row r="519" spans="1:8" s="10" customFormat="1" ht="45" customHeight="1" x14ac:dyDescent="0.15">
      <c r="A519" s="15" t="s">
        <v>110</v>
      </c>
      <c r="B519" s="18">
        <v>83</v>
      </c>
      <c r="C519" s="15" t="s">
        <v>576</v>
      </c>
      <c r="D519" s="15" t="s">
        <v>1225</v>
      </c>
      <c r="E519" s="16" t="s">
        <v>1882</v>
      </c>
      <c r="F519" s="15" t="s">
        <v>2539</v>
      </c>
      <c r="G519" s="15" t="s">
        <v>2172</v>
      </c>
      <c r="H519" s="10">
        <v>513</v>
      </c>
    </row>
    <row r="520" spans="1:8" s="10" customFormat="1" ht="45" customHeight="1" x14ac:dyDescent="0.15">
      <c r="A520" s="15" t="s">
        <v>110</v>
      </c>
      <c r="B520" s="18">
        <v>85</v>
      </c>
      <c r="C520" s="15" t="s">
        <v>577</v>
      </c>
      <c r="D520" s="15" t="s">
        <v>1226</v>
      </c>
      <c r="E520" s="16" t="s">
        <v>1874</v>
      </c>
      <c r="F520" s="15" t="s">
        <v>2555</v>
      </c>
      <c r="G520" s="15" t="s">
        <v>2206</v>
      </c>
      <c r="H520" s="10">
        <v>514</v>
      </c>
    </row>
    <row r="521" spans="1:8" s="10" customFormat="1" ht="45" customHeight="1" x14ac:dyDescent="0.15">
      <c r="A521" s="15" t="s">
        <v>110</v>
      </c>
      <c r="B521" s="18">
        <v>88</v>
      </c>
      <c r="C521" s="15" t="s">
        <v>578</v>
      </c>
      <c r="D521" s="15" t="s">
        <v>1227</v>
      </c>
      <c r="E521" s="16" t="s">
        <v>1883</v>
      </c>
      <c r="F521" s="15" t="s">
        <v>2547</v>
      </c>
      <c r="G521" s="15" t="s">
        <v>2205</v>
      </c>
      <c r="H521" s="10">
        <v>515</v>
      </c>
    </row>
    <row r="522" spans="1:8" s="10" customFormat="1" ht="45" customHeight="1" x14ac:dyDescent="0.15">
      <c r="A522" s="15" t="s">
        <v>110</v>
      </c>
      <c r="B522" s="18">
        <v>89</v>
      </c>
      <c r="C522" s="15" t="s">
        <v>579</v>
      </c>
      <c r="D522" s="15" t="s">
        <v>1228</v>
      </c>
      <c r="E522" s="16" t="s">
        <v>1884</v>
      </c>
      <c r="F522" s="15" t="s">
        <v>2298</v>
      </c>
      <c r="G522" s="15" t="s">
        <v>2206</v>
      </c>
      <c r="H522" s="10">
        <v>516</v>
      </c>
    </row>
    <row r="523" spans="1:8" s="10" customFormat="1" ht="45" customHeight="1" x14ac:dyDescent="0.15">
      <c r="A523" s="15" t="s">
        <v>114</v>
      </c>
      <c r="B523" s="18">
        <v>2</v>
      </c>
      <c r="C523" s="15" t="s">
        <v>580</v>
      </c>
      <c r="D523" s="15" t="s">
        <v>26</v>
      </c>
      <c r="E523" s="16" t="s">
        <v>1885</v>
      </c>
      <c r="F523" s="15" t="s">
        <v>2556</v>
      </c>
      <c r="G523" s="15" t="s">
        <v>2131</v>
      </c>
      <c r="H523" s="10">
        <v>517</v>
      </c>
    </row>
    <row r="524" spans="1:8" s="10" customFormat="1" ht="45" customHeight="1" x14ac:dyDescent="0.15">
      <c r="A524" s="15" t="s">
        <v>114</v>
      </c>
      <c r="B524" s="18">
        <v>3</v>
      </c>
      <c r="C524" s="15" t="s">
        <v>581</v>
      </c>
      <c r="D524" s="15" t="s">
        <v>1229</v>
      </c>
      <c r="E524" s="16" t="s">
        <v>1886</v>
      </c>
      <c r="F524" s="15" t="s">
        <v>2557</v>
      </c>
      <c r="G524" s="15" t="s">
        <v>2131</v>
      </c>
      <c r="H524" s="10">
        <v>518</v>
      </c>
    </row>
    <row r="525" spans="1:8" s="10" customFormat="1" ht="45" customHeight="1" x14ac:dyDescent="0.15">
      <c r="A525" s="15" t="s">
        <v>114</v>
      </c>
      <c r="B525" s="18">
        <v>4</v>
      </c>
      <c r="C525" s="15" t="s">
        <v>582</v>
      </c>
      <c r="D525" s="15" t="s">
        <v>1230</v>
      </c>
      <c r="E525" s="16" t="s">
        <v>1887</v>
      </c>
      <c r="F525" s="15" t="s">
        <v>2299</v>
      </c>
      <c r="G525" s="15" t="s">
        <v>2211</v>
      </c>
      <c r="H525" s="10">
        <v>519</v>
      </c>
    </row>
    <row r="526" spans="1:8" s="10" customFormat="1" ht="45" customHeight="1" x14ac:dyDescent="0.15">
      <c r="A526" s="15" t="s">
        <v>114</v>
      </c>
      <c r="B526" s="18">
        <v>5</v>
      </c>
      <c r="C526" s="15" t="s">
        <v>583</v>
      </c>
      <c r="D526" s="15" t="s">
        <v>1231</v>
      </c>
      <c r="E526" s="16" t="s">
        <v>1888</v>
      </c>
      <c r="F526" s="15" t="s">
        <v>2558</v>
      </c>
      <c r="G526" s="15" t="s">
        <v>2131</v>
      </c>
      <c r="H526" s="10">
        <v>520</v>
      </c>
    </row>
    <row r="527" spans="1:8" s="10" customFormat="1" ht="45" customHeight="1" x14ac:dyDescent="0.15">
      <c r="A527" s="15" t="s">
        <v>114</v>
      </c>
      <c r="B527" s="18">
        <v>7</v>
      </c>
      <c r="C527" s="15" t="s">
        <v>584</v>
      </c>
      <c r="D527" s="15" t="s">
        <v>26</v>
      </c>
      <c r="E527" s="16" t="s">
        <v>1889</v>
      </c>
      <c r="F527" s="15" t="s">
        <v>2556</v>
      </c>
      <c r="G527" s="15" t="s">
        <v>2211</v>
      </c>
      <c r="H527" s="10">
        <v>521</v>
      </c>
    </row>
    <row r="528" spans="1:8" s="10" customFormat="1" ht="45" customHeight="1" x14ac:dyDescent="0.15">
      <c r="A528" s="15" t="s">
        <v>114</v>
      </c>
      <c r="B528" s="18">
        <v>8</v>
      </c>
      <c r="C528" s="15" t="s">
        <v>585</v>
      </c>
      <c r="D528" s="15" t="s">
        <v>6</v>
      </c>
      <c r="E528" s="16" t="s">
        <v>27</v>
      </c>
      <c r="F528" s="15" t="s">
        <v>2300</v>
      </c>
      <c r="G528" s="15" t="s">
        <v>2174</v>
      </c>
      <c r="H528" s="10">
        <v>522</v>
      </c>
    </row>
    <row r="529" spans="1:8" s="10" customFormat="1" ht="45" customHeight="1" x14ac:dyDescent="0.15">
      <c r="A529" s="15" t="s">
        <v>114</v>
      </c>
      <c r="B529" s="18">
        <v>9</v>
      </c>
      <c r="C529" s="15" t="s">
        <v>586</v>
      </c>
      <c r="D529" s="15" t="s">
        <v>1232</v>
      </c>
      <c r="E529" s="16" t="s">
        <v>1890</v>
      </c>
      <c r="F529" s="15" t="s">
        <v>2559</v>
      </c>
      <c r="G529" s="15" t="s">
        <v>2131</v>
      </c>
      <c r="H529" s="10">
        <v>523</v>
      </c>
    </row>
    <row r="530" spans="1:8" s="10" customFormat="1" ht="45" customHeight="1" x14ac:dyDescent="0.15">
      <c r="A530" s="15" t="s">
        <v>115</v>
      </c>
      <c r="B530" s="18">
        <v>12</v>
      </c>
      <c r="C530" s="15" t="s">
        <v>587</v>
      </c>
      <c r="D530" s="15" t="s">
        <v>1233</v>
      </c>
      <c r="E530" s="16" t="s">
        <v>1891</v>
      </c>
      <c r="F530" s="15" t="s">
        <v>2560</v>
      </c>
      <c r="G530" s="15" t="s">
        <v>2131</v>
      </c>
      <c r="H530" s="10">
        <v>524</v>
      </c>
    </row>
    <row r="531" spans="1:8" s="10" customFormat="1" ht="45" customHeight="1" x14ac:dyDescent="0.15">
      <c r="A531" s="15" t="s">
        <v>115</v>
      </c>
      <c r="B531" s="18">
        <v>14</v>
      </c>
      <c r="C531" s="15" t="s">
        <v>588</v>
      </c>
      <c r="D531" s="15" t="s">
        <v>1234</v>
      </c>
      <c r="E531" s="16" t="s">
        <v>68</v>
      </c>
      <c r="F531" s="15" t="s">
        <v>2301</v>
      </c>
      <c r="G531" s="15" t="s">
        <v>2212</v>
      </c>
      <c r="H531" s="10">
        <v>525</v>
      </c>
    </row>
    <row r="532" spans="1:8" s="10" customFormat="1" ht="45" customHeight="1" x14ac:dyDescent="0.15">
      <c r="A532" s="15" t="s">
        <v>115</v>
      </c>
      <c r="B532" s="18">
        <v>15</v>
      </c>
      <c r="C532" s="15" t="s">
        <v>589</v>
      </c>
      <c r="D532" s="15" t="s">
        <v>1235</v>
      </c>
      <c r="E532" s="16" t="s">
        <v>1892</v>
      </c>
      <c r="F532" s="15" t="s">
        <v>2561</v>
      </c>
      <c r="G532" s="15" t="s">
        <v>2131</v>
      </c>
      <c r="H532" s="10">
        <v>526</v>
      </c>
    </row>
    <row r="533" spans="1:8" s="10" customFormat="1" ht="45" customHeight="1" x14ac:dyDescent="0.15">
      <c r="A533" s="15" t="s">
        <v>115</v>
      </c>
      <c r="B533" s="18">
        <v>19</v>
      </c>
      <c r="C533" s="15" t="s">
        <v>525</v>
      </c>
      <c r="D533" s="15" t="s">
        <v>1236</v>
      </c>
      <c r="E533" s="16" t="s">
        <v>1893</v>
      </c>
      <c r="F533" s="15" t="s">
        <v>2562</v>
      </c>
      <c r="G533" s="15" t="s">
        <v>2174</v>
      </c>
      <c r="H533" s="10">
        <v>527</v>
      </c>
    </row>
    <row r="534" spans="1:8" s="10" customFormat="1" ht="45" customHeight="1" x14ac:dyDescent="0.15">
      <c r="A534" s="15" t="s">
        <v>115</v>
      </c>
      <c r="B534" s="18">
        <v>20</v>
      </c>
      <c r="C534" s="15" t="s">
        <v>525</v>
      </c>
      <c r="D534" s="15" t="s">
        <v>1237</v>
      </c>
      <c r="E534" s="16" t="s">
        <v>1894</v>
      </c>
      <c r="F534" s="15" t="s">
        <v>2563</v>
      </c>
      <c r="G534" s="15" t="s">
        <v>2174</v>
      </c>
      <c r="H534" s="10">
        <v>528</v>
      </c>
    </row>
    <row r="535" spans="1:8" s="10" customFormat="1" ht="45" customHeight="1" x14ac:dyDescent="0.15">
      <c r="A535" s="15" t="s">
        <v>115</v>
      </c>
      <c r="B535" s="18">
        <v>21</v>
      </c>
      <c r="C535" s="15" t="s">
        <v>590</v>
      </c>
      <c r="D535" s="15" t="s">
        <v>1238</v>
      </c>
      <c r="E535" s="16" t="s">
        <v>1895</v>
      </c>
      <c r="F535" s="15" t="s">
        <v>2564</v>
      </c>
      <c r="G535" s="15" t="s">
        <v>2174</v>
      </c>
      <c r="H535" s="10">
        <v>529</v>
      </c>
    </row>
    <row r="536" spans="1:8" s="10" customFormat="1" ht="45" customHeight="1" x14ac:dyDescent="0.15">
      <c r="A536" s="15" t="s">
        <v>115</v>
      </c>
      <c r="B536" s="18">
        <v>22</v>
      </c>
      <c r="C536" s="15" t="s">
        <v>591</v>
      </c>
      <c r="D536" s="15" t="s">
        <v>58</v>
      </c>
      <c r="E536" s="16" t="s">
        <v>59</v>
      </c>
      <c r="F536" s="15" t="s">
        <v>2425</v>
      </c>
      <c r="G536" s="15" t="s">
        <v>2131</v>
      </c>
      <c r="H536" s="10">
        <v>530</v>
      </c>
    </row>
    <row r="537" spans="1:8" s="10" customFormat="1" ht="45" customHeight="1" x14ac:dyDescent="0.15">
      <c r="A537" s="15" t="s">
        <v>115</v>
      </c>
      <c r="B537" s="18">
        <v>23</v>
      </c>
      <c r="C537" s="15" t="s">
        <v>592</v>
      </c>
      <c r="D537" s="15" t="s">
        <v>58</v>
      </c>
      <c r="E537" s="16" t="s">
        <v>62</v>
      </c>
      <c r="F537" s="15" t="s">
        <v>2302</v>
      </c>
      <c r="G537" s="16" t="s">
        <v>2131</v>
      </c>
      <c r="H537" s="10">
        <v>531</v>
      </c>
    </row>
    <row r="538" spans="1:8" s="10" customFormat="1" ht="45" customHeight="1" x14ac:dyDescent="0.15">
      <c r="A538" s="15" t="s">
        <v>115</v>
      </c>
      <c r="B538" s="18">
        <v>24</v>
      </c>
      <c r="C538" s="15" t="s">
        <v>593</v>
      </c>
      <c r="D538" s="15" t="s">
        <v>63</v>
      </c>
      <c r="E538" s="16" t="s">
        <v>1896</v>
      </c>
      <c r="F538" s="15" t="s">
        <v>2557</v>
      </c>
      <c r="G538" s="15" t="s">
        <v>2131</v>
      </c>
      <c r="H538" s="10">
        <v>532</v>
      </c>
    </row>
    <row r="539" spans="1:8" s="10" customFormat="1" ht="45" customHeight="1" x14ac:dyDescent="0.15">
      <c r="A539" s="15" t="s">
        <v>115</v>
      </c>
      <c r="B539" s="18">
        <v>25</v>
      </c>
      <c r="C539" s="15" t="s">
        <v>594</v>
      </c>
      <c r="D539" s="15" t="s">
        <v>1239</v>
      </c>
      <c r="E539" s="16" t="s">
        <v>1897</v>
      </c>
      <c r="F539" s="15" t="s">
        <v>2565</v>
      </c>
      <c r="G539" s="15" t="s">
        <v>2131</v>
      </c>
      <c r="H539" s="10">
        <v>533</v>
      </c>
    </row>
    <row r="540" spans="1:8" s="10" customFormat="1" ht="45" customHeight="1" x14ac:dyDescent="0.15">
      <c r="A540" s="15" t="s">
        <v>115</v>
      </c>
      <c r="B540" s="18">
        <v>26</v>
      </c>
      <c r="C540" s="15" t="s">
        <v>595</v>
      </c>
      <c r="D540" s="15" t="s">
        <v>58</v>
      </c>
      <c r="E540" s="16" t="s">
        <v>59</v>
      </c>
      <c r="F540" s="15" t="s">
        <v>2566</v>
      </c>
      <c r="G540" s="15" t="s">
        <v>2131</v>
      </c>
      <c r="H540" s="10">
        <v>534</v>
      </c>
    </row>
    <row r="541" spans="1:8" s="10" customFormat="1" ht="45" customHeight="1" x14ac:dyDescent="0.15">
      <c r="A541" s="15" t="s">
        <v>115</v>
      </c>
      <c r="B541" s="18">
        <v>27</v>
      </c>
      <c r="C541" s="15" t="s">
        <v>595</v>
      </c>
      <c r="D541" s="15" t="s">
        <v>71</v>
      </c>
      <c r="E541" s="16" t="s">
        <v>1898</v>
      </c>
      <c r="F541" s="15" t="s">
        <v>28</v>
      </c>
      <c r="G541" s="15" t="s">
        <v>2131</v>
      </c>
      <c r="H541" s="10">
        <v>535</v>
      </c>
    </row>
    <row r="542" spans="1:8" s="10" customFormat="1" ht="45" customHeight="1" x14ac:dyDescent="0.15">
      <c r="A542" s="15" t="s">
        <v>115</v>
      </c>
      <c r="B542" s="18">
        <v>28</v>
      </c>
      <c r="C542" s="15" t="s">
        <v>595</v>
      </c>
      <c r="D542" s="15" t="s">
        <v>1240</v>
      </c>
      <c r="E542" s="16" t="s">
        <v>1899</v>
      </c>
      <c r="F542" s="15" t="s">
        <v>2303</v>
      </c>
      <c r="G542" s="15" t="s">
        <v>2131</v>
      </c>
      <c r="H542" s="10">
        <v>536</v>
      </c>
    </row>
    <row r="543" spans="1:8" s="10" customFormat="1" ht="45" customHeight="1" x14ac:dyDescent="0.15">
      <c r="A543" s="15" t="s">
        <v>115</v>
      </c>
      <c r="B543" s="18">
        <v>29</v>
      </c>
      <c r="C543" s="15" t="s">
        <v>596</v>
      </c>
      <c r="D543" s="15" t="s">
        <v>1241</v>
      </c>
      <c r="E543" s="16" t="s">
        <v>1900</v>
      </c>
      <c r="F543" s="15" t="s">
        <v>2384</v>
      </c>
      <c r="G543" s="15" t="s">
        <v>2213</v>
      </c>
      <c r="H543" s="10">
        <v>537</v>
      </c>
    </row>
    <row r="544" spans="1:8" s="10" customFormat="1" ht="45" customHeight="1" x14ac:dyDescent="0.15">
      <c r="A544" s="15" t="s">
        <v>115</v>
      </c>
      <c r="B544" s="18">
        <v>30</v>
      </c>
      <c r="C544" s="15" t="s">
        <v>597</v>
      </c>
      <c r="D544" s="15" t="s">
        <v>1242</v>
      </c>
      <c r="E544" s="16" t="s">
        <v>1901</v>
      </c>
      <c r="F544" s="15" t="s">
        <v>2567</v>
      </c>
      <c r="G544" s="15" t="s">
        <v>2214</v>
      </c>
      <c r="H544" s="10">
        <v>538</v>
      </c>
    </row>
    <row r="545" spans="1:8" s="10" customFormat="1" ht="45" customHeight="1" x14ac:dyDescent="0.15">
      <c r="A545" s="15" t="s">
        <v>115</v>
      </c>
      <c r="B545" s="18">
        <v>31</v>
      </c>
      <c r="C545" s="15" t="s">
        <v>598</v>
      </c>
      <c r="D545" s="15" t="s">
        <v>1243</v>
      </c>
      <c r="E545" s="16" t="s">
        <v>1902</v>
      </c>
      <c r="F545" s="15" t="s">
        <v>2304</v>
      </c>
      <c r="G545" s="15" t="s">
        <v>2174</v>
      </c>
      <c r="H545" s="10">
        <v>539</v>
      </c>
    </row>
    <row r="546" spans="1:8" s="10" customFormat="1" ht="45" customHeight="1" x14ac:dyDescent="0.15">
      <c r="A546" s="15" t="s">
        <v>115</v>
      </c>
      <c r="B546" s="18">
        <v>32</v>
      </c>
      <c r="C546" s="15" t="s">
        <v>598</v>
      </c>
      <c r="D546" s="15" t="s">
        <v>1244</v>
      </c>
      <c r="E546" s="16" t="s">
        <v>1893</v>
      </c>
      <c r="F546" s="15" t="s">
        <v>2568</v>
      </c>
      <c r="G546" s="15" t="s">
        <v>2174</v>
      </c>
      <c r="H546" s="10">
        <v>540</v>
      </c>
    </row>
    <row r="547" spans="1:8" s="10" customFormat="1" ht="45" customHeight="1" x14ac:dyDescent="0.15">
      <c r="A547" s="15" t="s">
        <v>115</v>
      </c>
      <c r="B547" s="18">
        <v>33</v>
      </c>
      <c r="C547" s="15" t="s">
        <v>599</v>
      </c>
      <c r="D547" s="15" t="s">
        <v>1243</v>
      </c>
      <c r="E547" s="16" t="s">
        <v>1903</v>
      </c>
      <c r="F547" s="15" t="s">
        <v>2569</v>
      </c>
      <c r="G547" s="15" t="s">
        <v>2174</v>
      </c>
      <c r="H547" s="10">
        <v>541</v>
      </c>
    </row>
    <row r="548" spans="1:8" s="10" customFormat="1" ht="45" customHeight="1" x14ac:dyDescent="0.15">
      <c r="A548" s="15" t="s">
        <v>115</v>
      </c>
      <c r="B548" s="18">
        <v>34</v>
      </c>
      <c r="C548" s="15" t="s">
        <v>600</v>
      </c>
      <c r="D548" s="15" t="s">
        <v>1245</v>
      </c>
      <c r="E548" s="16" t="s">
        <v>1904</v>
      </c>
      <c r="F548" s="15" t="s">
        <v>2305</v>
      </c>
      <c r="G548" s="15" t="s">
        <v>2214</v>
      </c>
      <c r="H548" s="10">
        <v>542</v>
      </c>
    </row>
    <row r="549" spans="1:8" s="10" customFormat="1" ht="45" customHeight="1" x14ac:dyDescent="0.15">
      <c r="A549" s="15" t="s">
        <v>115</v>
      </c>
      <c r="B549" s="18">
        <v>35</v>
      </c>
      <c r="C549" s="15" t="s">
        <v>599</v>
      </c>
      <c r="D549" s="15" t="s">
        <v>1246</v>
      </c>
      <c r="E549" s="16" t="s">
        <v>1905</v>
      </c>
      <c r="F549" s="15" t="s">
        <v>2306</v>
      </c>
      <c r="G549" s="15" t="s">
        <v>2174</v>
      </c>
      <c r="H549" s="10">
        <v>543</v>
      </c>
    </row>
    <row r="550" spans="1:8" s="10" customFormat="1" ht="45" customHeight="1" x14ac:dyDescent="0.15">
      <c r="A550" s="15" t="s">
        <v>115</v>
      </c>
      <c r="B550" s="18">
        <v>36</v>
      </c>
      <c r="C550" s="15" t="s">
        <v>601</v>
      </c>
      <c r="D550" s="15" t="s">
        <v>1247</v>
      </c>
      <c r="E550" s="16" t="s">
        <v>1906</v>
      </c>
      <c r="F550" s="15" t="s">
        <v>2299</v>
      </c>
      <c r="G550" s="15" t="s">
        <v>2131</v>
      </c>
      <c r="H550" s="10">
        <v>544</v>
      </c>
    </row>
    <row r="551" spans="1:8" s="10" customFormat="1" ht="45" customHeight="1" x14ac:dyDescent="0.15">
      <c r="A551" s="15" t="s">
        <v>115</v>
      </c>
      <c r="B551" s="18">
        <v>37</v>
      </c>
      <c r="C551" s="15" t="s">
        <v>590</v>
      </c>
      <c r="D551" s="15" t="s">
        <v>1243</v>
      </c>
      <c r="E551" s="16" t="s">
        <v>1907</v>
      </c>
      <c r="F551" s="15" t="s">
        <v>2307</v>
      </c>
      <c r="G551" s="15" t="s">
        <v>2174</v>
      </c>
      <c r="H551" s="10">
        <v>545</v>
      </c>
    </row>
    <row r="552" spans="1:8" s="10" customFormat="1" ht="45" customHeight="1" x14ac:dyDescent="0.15">
      <c r="A552" s="15" t="s">
        <v>115</v>
      </c>
      <c r="B552" s="18">
        <v>38</v>
      </c>
      <c r="C552" s="15" t="s">
        <v>525</v>
      </c>
      <c r="D552" s="15" t="s">
        <v>1248</v>
      </c>
      <c r="E552" s="16" t="s">
        <v>1908</v>
      </c>
      <c r="F552" s="15" t="s">
        <v>2308</v>
      </c>
      <c r="G552" s="15" t="s">
        <v>2174</v>
      </c>
      <c r="H552" s="10">
        <v>546</v>
      </c>
    </row>
    <row r="553" spans="1:8" s="10" customFormat="1" ht="45" customHeight="1" x14ac:dyDescent="0.15">
      <c r="A553" s="15" t="s">
        <v>115</v>
      </c>
      <c r="B553" s="18">
        <v>39</v>
      </c>
      <c r="C553" s="15" t="s">
        <v>602</v>
      </c>
      <c r="D553" s="15" t="s">
        <v>1249</v>
      </c>
      <c r="E553" s="16" t="s">
        <v>1909</v>
      </c>
      <c r="F553" s="15" t="s">
        <v>2309</v>
      </c>
      <c r="G553" s="15" t="s">
        <v>2214</v>
      </c>
      <c r="H553" s="10">
        <v>547</v>
      </c>
    </row>
    <row r="554" spans="1:8" s="10" customFormat="1" ht="45" customHeight="1" x14ac:dyDescent="0.15">
      <c r="A554" s="15" t="s">
        <v>115</v>
      </c>
      <c r="B554" s="18">
        <v>40</v>
      </c>
      <c r="C554" s="15" t="s">
        <v>602</v>
      </c>
      <c r="D554" s="15" t="s">
        <v>1250</v>
      </c>
      <c r="E554" s="16" t="s">
        <v>1901</v>
      </c>
      <c r="F554" s="15" t="s">
        <v>2310</v>
      </c>
      <c r="G554" s="15" t="s">
        <v>2214</v>
      </c>
      <c r="H554" s="10">
        <v>548</v>
      </c>
    </row>
    <row r="555" spans="1:8" s="10" customFormat="1" ht="45" customHeight="1" x14ac:dyDescent="0.15">
      <c r="A555" s="15" t="s">
        <v>115</v>
      </c>
      <c r="B555" s="18">
        <v>43</v>
      </c>
      <c r="C555" s="15" t="s">
        <v>603</v>
      </c>
      <c r="D555" s="15" t="s">
        <v>1251</v>
      </c>
      <c r="E555" s="16" t="s">
        <v>1910</v>
      </c>
      <c r="F555" s="15" t="s">
        <v>2300</v>
      </c>
      <c r="G555" s="15" t="s">
        <v>2131</v>
      </c>
      <c r="H555" s="10">
        <v>549</v>
      </c>
    </row>
    <row r="556" spans="1:8" s="10" customFormat="1" ht="45" customHeight="1" x14ac:dyDescent="0.15">
      <c r="A556" s="15" t="s">
        <v>115</v>
      </c>
      <c r="B556" s="18">
        <v>44</v>
      </c>
      <c r="C556" s="15" t="s">
        <v>604</v>
      </c>
      <c r="D556" s="15" t="s">
        <v>26</v>
      </c>
      <c r="E556" s="16" t="s">
        <v>1911</v>
      </c>
      <c r="F556" s="15" t="s">
        <v>2570</v>
      </c>
      <c r="G556" s="15" t="s">
        <v>2215</v>
      </c>
      <c r="H556" s="10">
        <v>550</v>
      </c>
    </row>
    <row r="557" spans="1:8" s="10" customFormat="1" ht="45" customHeight="1" x14ac:dyDescent="0.15">
      <c r="A557" s="15" t="s">
        <v>115</v>
      </c>
      <c r="B557" s="18">
        <v>45</v>
      </c>
      <c r="C557" s="15" t="s">
        <v>605</v>
      </c>
      <c r="D557" s="15" t="s">
        <v>1252</v>
      </c>
      <c r="E557" s="16" t="s">
        <v>1912</v>
      </c>
      <c r="F557" s="15" t="s">
        <v>2560</v>
      </c>
      <c r="G557" s="15" t="s">
        <v>2214</v>
      </c>
      <c r="H557" s="10">
        <v>551</v>
      </c>
    </row>
    <row r="558" spans="1:8" s="10" customFormat="1" ht="45" customHeight="1" x14ac:dyDescent="0.15">
      <c r="A558" s="15" t="s">
        <v>115</v>
      </c>
      <c r="B558" s="18">
        <v>46</v>
      </c>
      <c r="C558" s="15" t="s">
        <v>606</v>
      </c>
      <c r="D558" s="15" t="s">
        <v>1253</v>
      </c>
      <c r="E558" s="16" t="s">
        <v>1913</v>
      </c>
      <c r="F558" s="15" t="s">
        <v>2311</v>
      </c>
      <c r="G558" s="15" t="s">
        <v>2131</v>
      </c>
      <c r="H558" s="10">
        <v>552</v>
      </c>
    </row>
    <row r="559" spans="1:8" s="10" customFormat="1" ht="45" customHeight="1" x14ac:dyDescent="0.15">
      <c r="A559" s="15" t="s">
        <v>115</v>
      </c>
      <c r="B559" s="18">
        <v>47</v>
      </c>
      <c r="C559" s="15" t="s">
        <v>607</v>
      </c>
      <c r="D559" s="15" t="s">
        <v>26</v>
      </c>
      <c r="E559" s="16" t="s">
        <v>1913</v>
      </c>
      <c r="F559" s="15" t="s">
        <v>2562</v>
      </c>
      <c r="G559" s="15" t="s">
        <v>2214</v>
      </c>
      <c r="H559" s="10">
        <v>553</v>
      </c>
    </row>
    <row r="560" spans="1:8" s="10" customFormat="1" ht="45" customHeight="1" x14ac:dyDescent="0.15">
      <c r="A560" s="15" t="s">
        <v>115</v>
      </c>
      <c r="B560" s="18">
        <v>48</v>
      </c>
      <c r="C560" s="15" t="s">
        <v>608</v>
      </c>
      <c r="D560" s="15" t="s">
        <v>1254</v>
      </c>
      <c r="E560" s="16" t="s">
        <v>1914</v>
      </c>
      <c r="F560" s="15" t="s">
        <v>2571</v>
      </c>
      <c r="G560" s="16" t="s">
        <v>2131</v>
      </c>
      <c r="H560" s="10">
        <v>554</v>
      </c>
    </row>
    <row r="561" spans="1:8" s="10" customFormat="1" ht="45" customHeight="1" x14ac:dyDescent="0.15">
      <c r="A561" s="15" t="s">
        <v>115</v>
      </c>
      <c r="B561" s="18">
        <v>49</v>
      </c>
      <c r="C561" s="15" t="s">
        <v>609</v>
      </c>
      <c r="D561" s="15" t="s">
        <v>1255</v>
      </c>
      <c r="E561" s="16" t="s">
        <v>1915</v>
      </c>
      <c r="F561" s="15" t="s">
        <v>2572</v>
      </c>
      <c r="G561" s="15" t="s">
        <v>2131</v>
      </c>
      <c r="H561" s="10">
        <v>555</v>
      </c>
    </row>
    <row r="562" spans="1:8" s="10" customFormat="1" ht="45" customHeight="1" x14ac:dyDescent="0.15">
      <c r="A562" s="15" t="s">
        <v>115</v>
      </c>
      <c r="B562" s="18">
        <v>50</v>
      </c>
      <c r="C562" s="15" t="s">
        <v>610</v>
      </c>
      <c r="D562" s="15" t="s">
        <v>6</v>
      </c>
      <c r="E562" s="16" t="s">
        <v>27</v>
      </c>
      <c r="F562" s="15" t="s">
        <v>2562</v>
      </c>
      <c r="G562" s="15" t="s">
        <v>2131</v>
      </c>
      <c r="H562" s="10">
        <v>556</v>
      </c>
    </row>
    <row r="563" spans="1:8" s="10" customFormat="1" ht="45" customHeight="1" x14ac:dyDescent="0.15">
      <c r="A563" s="15" t="s">
        <v>115</v>
      </c>
      <c r="B563" s="18">
        <v>51</v>
      </c>
      <c r="C563" s="15" t="s">
        <v>611</v>
      </c>
      <c r="D563" s="15" t="s">
        <v>6</v>
      </c>
      <c r="E563" s="16" t="s">
        <v>27</v>
      </c>
      <c r="F563" s="15" t="s">
        <v>2307</v>
      </c>
      <c r="G563" s="15" t="s">
        <v>2131</v>
      </c>
      <c r="H563" s="10">
        <v>557</v>
      </c>
    </row>
    <row r="564" spans="1:8" s="10" customFormat="1" ht="45" customHeight="1" x14ac:dyDescent="0.15">
      <c r="A564" s="15" t="s">
        <v>115</v>
      </c>
      <c r="B564" s="18">
        <v>52</v>
      </c>
      <c r="C564" s="15" t="s">
        <v>612</v>
      </c>
      <c r="D564" s="15" t="s">
        <v>63</v>
      </c>
      <c r="E564" s="16" t="s">
        <v>64</v>
      </c>
      <c r="F564" s="15" t="s">
        <v>2557</v>
      </c>
      <c r="G564" s="15" t="s">
        <v>2131</v>
      </c>
      <c r="H564" s="10">
        <v>558</v>
      </c>
    </row>
    <row r="565" spans="1:8" s="10" customFormat="1" ht="45" customHeight="1" x14ac:dyDescent="0.15">
      <c r="A565" s="15" t="s">
        <v>115</v>
      </c>
      <c r="B565" s="18">
        <v>53</v>
      </c>
      <c r="C565" s="15" t="s">
        <v>613</v>
      </c>
      <c r="D565" s="15" t="s">
        <v>1256</v>
      </c>
      <c r="E565" s="16" t="s">
        <v>1916</v>
      </c>
      <c r="F565" s="15" t="s">
        <v>2573</v>
      </c>
      <c r="G565" s="15" t="s">
        <v>2131</v>
      </c>
      <c r="H565" s="10">
        <v>559</v>
      </c>
    </row>
    <row r="566" spans="1:8" s="10" customFormat="1" ht="45" customHeight="1" x14ac:dyDescent="0.15">
      <c r="A566" s="15" t="s">
        <v>115</v>
      </c>
      <c r="B566" s="18">
        <v>54</v>
      </c>
      <c r="C566" s="15" t="s">
        <v>614</v>
      </c>
      <c r="D566" s="15" t="s">
        <v>1256</v>
      </c>
      <c r="E566" s="16" t="s">
        <v>1917</v>
      </c>
      <c r="F566" s="15" t="s">
        <v>2574</v>
      </c>
      <c r="G566" s="15" t="s">
        <v>2131</v>
      </c>
      <c r="H566" s="10">
        <v>560</v>
      </c>
    </row>
    <row r="567" spans="1:8" s="10" customFormat="1" ht="45" customHeight="1" x14ac:dyDescent="0.15">
      <c r="A567" s="15" t="s">
        <v>115</v>
      </c>
      <c r="B567" s="18">
        <v>55</v>
      </c>
      <c r="C567" s="15" t="s">
        <v>615</v>
      </c>
      <c r="D567" s="15" t="s">
        <v>1257</v>
      </c>
      <c r="E567" s="16" t="s">
        <v>1918</v>
      </c>
      <c r="F567" s="15" t="s">
        <v>2573</v>
      </c>
      <c r="G567" s="15" t="s">
        <v>2131</v>
      </c>
      <c r="H567" s="10">
        <v>561</v>
      </c>
    </row>
    <row r="568" spans="1:8" s="10" customFormat="1" ht="45" customHeight="1" x14ac:dyDescent="0.15">
      <c r="A568" s="15" t="s">
        <v>115</v>
      </c>
      <c r="B568" s="18">
        <v>56</v>
      </c>
      <c r="C568" s="15" t="s">
        <v>616</v>
      </c>
      <c r="D568" s="15" t="s">
        <v>1258</v>
      </c>
      <c r="E568" s="16" t="s">
        <v>1919</v>
      </c>
      <c r="F568" s="15" t="s">
        <v>2574</v>
      </c>
      <c r="G568" s="15" t="s">
        <v>2174</v>
      </c>
      <c r="H568" s="10">
        <v>562</v>
      </c>
    </row>
    <row r="569" spans="1:8" s="10" customFormat="1" ht="45" customHeight="1" x14ac:dyDescent="0.15">
      <c r="A569" s="15" t="s">
        <v>115</v>
      </c>
      <c r="B569" s="18">
        <v>57</v>
      </c>
      <c r="C569" s="15" t="s">
        <v>617</v>
      </c>
      <c r="D569" s="15" t="s">
        <v>1259</v>
      </c>
      <c r="E569" s="16" t="s">
        <v>1920</v>
      </c>
      <c r="F569" s="15" t="s">
        <v>2572</v>
      </c>
      <c r="G569" s="15" t="s">
        <v>2131</v>
      </c>
      <c r="H569" s="10">
        <v>563</v>
      </c>
    </row>
    <row r="570" spans="1:8" s="10" customFormat="1" ht="45" customHeight="1" x14ac:dyDescent="0.15">
      <c r="A570" s="15" t="s">
        <v>115</v>
      </c>
      <c r="B570" s="18">
        <v>58</v>
      </c>
      <c r="C570" s="15" t="s">
        <v>618</v>
      </c>
      <c r="D570" s="15" t="s">
        <v>1235</v>
      </c>
      <c r="E570" s="16" t="s">
        <v>1921</v>
      </c>
      <c r="F570" s="15" t="s">
        <v>2564</v>
      </c>
      <c r="G570" s="15" t="s">
        <v>2131</v>
      </c>
      <c r="H570" s="10">
        <v>564</v>
      </c>
    </row>
    <row r="571" spans="1:8" s="10" customFormat="1" ht="45" customHeight="1" x14ac:dyDescent="0.15">
      <c r="A571" s="15" t="s">
        <v>115</v>
      </c>
      <c r="B571" s="18">
        <v>59</v>
      </c>
      <c r="C571" s="15" t="s">
        <v>619</v>
      </c>
      <c r="D571" s="15" t="s">
        <v>1258</v>
      </c>
      <c r="E571" s="16" t="s">
        <v>1922</v>
      </c>
      <c r="F571" s="15" t="s">
        <v>2569</v>
      </c>
      <c r="G571" s="15" t="s">
        <v>2174</v>
      </c>
      <c r="H571" s="10">
        <v>565</v>
      </c>
    </row>
    <row r="572" spans="1:8" s="10" customFormat="1" ht="45" customHeight="1" x14ac:dyDescent="0.15">
      <c r="A572" s="15" t="s">
        <v>115</v>
      </c>
      <c r="B572" s="18">
        <v>60</v>
      </c>
      <c r="C572" s="15" t="s">
        <v>2232</v>
      </c>
      <c r="D572" s="15" t="s">
        <v>1260</v>
      </c>
      <c r="E572" s="16" t="s">
        <v>1923</v>
      </c>
      <c r="F572" s="15" t="s">
        <v>1924</v>
      </c>
      <c r="G572" s="15" t="s">
        <v>2131</v>
      </c>
      <c r="H572" s="10">
        <v>566</v>
      </c>
    </row>
    <row r="573" spans="1:8" s="10" customFormat="1" ht="45" customHeight="1" x14ac:dyDescent="0.15">
      <c r="A573" s="15" t="s">
        <v>115</v>
      </c>
      <c r="B573" s="18">
        <v>61</v>
      </c>
      <c r="C573" s="15" t="s">
        <v>620</v>
      </c>
      <c r="D573" s="15" t="s">
        <v>1261</v>
      </c>
      <c r="E573" s="16" t="s">
        <v>1925</v>
      </c>
      <c r="F573" s="15" t="s">
        <v>2575</v>
      </c>
      <c r="G573" s="15" t="s">
        <v>2216</v>
      </c>
      <c r="H573" s="10">
        <v>567</v>
      </c>
    </row>
    <row r="574" spans="1:8" s="10" customFormat="1" ht="45" customHeight="1" x14ac:dyDescent="0.15">
      <c r="A574" s="15" t="s">
        <v>115</v>
      </c>
      <c r="B574" s="18">
        <v>62</v>
      </c>
      <c r="C574" s="15" t="s">
        <v>621</v>
      </c>
      <c r="D574" s="15" t="s">
        <v>1256</v>
      </c>
      <c r="E574" s="16" t="s">
        <v>1916</v>
      </c>
      <c r="F574" s="15" t="s">
        <v>2573</v>
      </c>
      <c r="G574" s="15" t="s">
        <v>2131</v>
      </c>
      <c r="H574" s="10">
        <v>568</v>
      </c>
    </row>
    <row r="575" spans="1:8" s="10" customFormat="1" ht="45" customHeight="1" x14ac:dyDescent="0.15">
      <c r="A575" s="15" t="s">
        <v>115</v>
      </c>
      <c r="B575" s="18">
        <v>63</v>
      </c>
      <c r="C575" s="15" t="s">
        <v>616</v>
      </c>
      <c r="D575" s="15" t="s">
        <v>1258</v>
      </c>
      <c r="E575" s="16" t="s">
        <v>1926</v>
      </c>
      <c r="F575" s="15" t="s">
        <v>2562</v>
      </c>
      <c r="G575" s="15" t="s">
        <v>2174</v>
      </c>
      <c r="H575" s="10">
        <v>569</v>
      </c>
    </row>
    <row r="576" spans="1:8" s="10" customFormat="1" ht="45" customHeight="1" x14ac:dyDescent="0.15">
      <c r="A576" s="15" t="s">
        <v>115</v>
      </c>
      <c r="B576" s="18">
        <v>64</v>
      </c>
      <c r="C576" s="15" t="s">
        <v>622</v>
      </c>
      <c r="D576" s="15" t="s">
        <v>26</v>
      </c>
      <c r="E576" s="16" t="s">
        <v>1927</v>
      </c>
      <c r="F576" s="15" t="s">
        <v>2573</v>
      </c>
      <c r="G576" s="15" t="s">
        <v>2214</v>
      </c>
      <c r="H576" s="10">
        <v>570</v>
      </c>
    </row>
    <row r="577" spans="1:8" s="10" customFormat="1" ht="45" customHeight="1" x14ac:dyDescent="0.15">
      <c r="A577" s="15" t="s">
        <v>115</v>
      </c>
      <c r="B577" s="18">
        <v>65</v>
      </c>
      <c r="C577" s="15" t="s">
        <v>623</v>
      </c>
      <c r="D577" s="15" t="s">
        <v>26</v>
      </c>
      <c r="E577" s="16" t="s">
        <v>1928</v>
      </c>
      <c r="F577" s="15" t="s">
        <v>2304</v>
      </c>
      <c r="G577" s="15" t="s">
        <v>2214</v>
      </c>
      <c r="H577" s="10">
        <v>571</v>
      </c>
    </row>
    <row r="578" spans="1:8" s="10" customFormat="1" ht="45" customHeight="1" x14ac:dyDescent="0.15">
      <c r="A578" s="15" t="s">
        <v>115</v>
      </c>
      <c r="B578" s="18">
        <v>66</v>
      </c>
      <c r="C578" s="15" t="s">
        <v>624</v>
      </c>
      <c r="D578" s="15" t="s">
        <v>1234</v>
      </c>
      <c r="E578" s="16" t="s">
        <v>1929</v>
      </c>
      <c r="F578" s="15" t="s">
        <v>2576</v>
      </c>
      <c r="G578" s="15" t="s">
        <v>2214</v>
      </c>
      <c r="H578" s="10">
        <v>572</v>
      </c>
    </row>
    <row r="579" spans="1:8" s="10" customFormat="1" ht="45" customHeight="1" x14ac:dyDescent="0.15">
      <c r="A579" s="15" t="s">
        <v>115</v>
      </c>
      <c r="B579" s="18">
        <v>67</v>
      </c>
      <c r="C579" s="15" t="s">
        <v>625</v>
      </c>
      <c r="D579" s="15" t="s">
        <v>67</v>
      </c>
      <c r="E579" s="16" t="s">
        <v>1930</v>
      </c>
      <c r="F579" s="15" t="s">
        <v>2553</v>
      </c>
      <c r="G579" s="15" t="s">
        <v>2215</v>
      </c>
      <c r="H579" s="10">
        <v>573</v>
      </c>
    </row>
    <row r="580" spans="1:8" s="10" customFormat="1" ht="45" customHeight="1" x14ac:dyDescent="0.15">
      <c r="A580" s="15" t="s">
        <v>115</v>
      </c>
      <c r="B580" s="18">
        <v>68</v>
      </c>
      <c r="C580" s="15" t="s">
        <v>626</v>
      </c>
      <c r="D580" s="15" t="s">
        <v>1262</v>
      </c>
      <c r="E580" s="16" t="s">
        <v>1931</v>
      </c>
      <c r="F580" s="15" t="s">
        <v>2307</v>
      </c>
      <c r="G580" s="16" t="s">
        <v>2131</v>
      </c>
      <c r="H580" s="10">
        <v>574</v>
      </c>
    </row>
    <row r="581" spans="1:8" s="10" customFormat="1" ht="45" customHeight="1" x14ac:dyDescent="0.15">
      <c r="A581" s="15" t="s">
        <v>115</v>
      </c>
      <c r="B581" s="18">
        <v>69</v>
      </c>
      <c r="C581" s="15" t="s">
        <v>627</v>
      </c>
      <c r="D581" s="15" t="s">
        <v>1235</v>
      </c>
      <c r="E581" s="16" t="s">
        <v>1932</v>
      </c>
      <c r="F581" s="15" t="s">
        <v>2293</v>
      </c>
      <c r="G581" s="16" t="s">
        <v>2217</v>
      </c>
      <c r="H581" s="10">
        <v>575</v>
      </c>
    </row>
    <row r="582" spans="1:8" s="10" customFormat="1" ht="45" customHeight="1" x14ac:dyDescent="0.15">
      <c r="A582" s="15" t="s">
        <v>115</v>
      </c>
      <c r="B582" s="18">
        <v>70</v>
      </c>
      <c r="C582" s="15" t="s">
        <v>628</v>
      </c>
      <c r="D582" s="15" t="s">
        <v>1263</v>
      </c>
      <c r="E582" s="16" t="s">
        <v>1933</v>
      </c>
      <c r="F582" s="15" t="s">
        <v>2452</v>
      </c>
      <c r="G582" s="16" t="s">
        <v>2216</v>
      </c>
      <c r="H582" s="10">
        <v>576</v>
      </c>
    </row>
    <row r="583" spans="1:8" s="10" customFormat="1" ht="45" customHeight="1" x14ac:dyDescent="0.15">
      <c r="A583" s="15" t="s">
        <v>115</v>
      </c>
      <c r="B583" s="18">
        <v>71</v>
      </c>
      <c r="C583" s="15" t="s">
        <v>629</v>
      </c>
      <c r="D583" s="15" t="s">
        <v>1264</v>
      </c>
      <c r="E583" s="16" t="s">
        <v>1934</v>
      </c>
      <c r="F583" s="15" t="s">
        <v>2574</v>
      </c>
      <c r="G583" s="16" t="s">
        <v>2214</v>
      </c>
      <c r="H583" s="10">
        <v>577</v>
      </c>
    </row>
    <row r="584" spans="1:8" s="10" customFormat="1" ht="45" customHeight="1" x14ac:dyDescent="0.15">
      <c r="A584" s="15" t="s">
        <v>115</v>
      </c>
      <c r="B584" s="18">
        <v>72</v>
      </c>
      <c r="C584" s="15" t="s">
        <v>630</v>
      </c>
      <c r="D584" s="15" t="s">
        <v>1234</v>
      </c>
      <c r="E584" s="16" t="s">
        <v>1935</v>
      </c>
      <c r="F584" s="15" t="s">
        <v>2542</v>
      </c>
      <c r="G584" s="15" t="s">
        <v>2131</v>
      </c>
      <c r="H584" s="10">
        <v>578</v>
      </c>
    </row>
    <row r="585" spans="1:8" s="10" customFormat="1" ht="45" customHeight="1" x14ac:dyDescent="0.15">
      <c r="A585" s="15" t="s">
        <v>115</v>
      </c>
      <c r="B585" s="18">
        <v>73</v>
      </c>
      <c r="C585" s="15" t="s">
        <v>631</v>
      </c>
      <c r="D585" s="15" t="s">
        <v>1252</v>
      </c>
      <c r="E585" s="16" t="s">
        <v>1936</v>
      </c>
      <c r="F585" s="15" t="s">
        <v>2570</v>
      </c>
      <c r="G585" s="15" t="s">
        <v>2215</v>
      </c>
      <c r="H585" s="10">
        <v>579</v>
      </c>
    </row>
    <row r="586" spans="1:8" s="10" customFormat="1" ht="45" customHeight="1" x14ac:dyDescent="0.15">
      <c r="A586" s="15" t="s">
        <v>115</v>
      </c>
      <c r="B586" s="18">
        <v>74</v>
      </c>
      <c r="C586" s="15" t="s">
        <v>632</v>
      </c>
      <c r="D586" s="15" t="s">
        <v>1265</v>
      </c>
      <c r="E586" s="16" t="s">
        <v>1937</v>
      </c>
      <c r="F586" s="15" t="s">
        <v>2577</v>
      </c>
      <c r="G586" s="16" t="s">
        <v>2215</v>
      </c>
      <c r="H586" s="10">
        <v>580</v>
      </c>
    </row>
    <row r="587" spans="1:8" s="10" customFormat="1" ht="45" customHeight="1" x14ac:dyDescent="0.15">
      <c r="A587" s="15" t="s">
        <v>116</v>
      </c>
      <c r="B587" s="18">
        <v>76</v>
      </c>
      <c r="C587" s="15" t="s">
        <v>633</v>
      </c>
      <c r="D587" s="15" t="s">
        <v>1266</v>
      </c>
      <c r="E587" s="16" t="s">
        <v>1938</v>
      </c>
      <c r="F587" s="15" t="s">
        <v>2578</v>
      </c>
      <c r="G587" s="15" t="s">
        <v>2719</v>
      </c>
      <c r="H587" s="10">
        <v>581</v>
      </c>
    </row>
    <row r="588" spans="1:8" s="10" customFormat="1" ht="45" customHeight="1" x14ac:dyDescent="0.15">
      <c r="A588" s="15" t="s">
        <v>116</v>
      </c>
      <c r="B588" s="18">
        <v>78</v>
      </c>
      <c r="C588" s="15" t="s">
        <v>634</v>
      </c>
      <c r="D588" s="15" t="s">
        <v>58</v>
      </c>
      <c r="E588" s="16" t="s">
        <v>1939</v>
      </c>
      <c r="F588" s="15" t="s">
        <v>2293</v>
      </c>
      <c r="G588" s="15" t="s">
        <v>2175</v>
      </c>
      <c r="H588" s="10">
        <v>582</v>
      </c>
    </row>
    <row r="589" spans="1:8" s="10" customFormat="1" ht="45" customHeight="1" x14ac:dyDescent="0.15">
      <c r="A589" s="15" t="s">
        <v>116</v>
      </c>
      <c r="B589" s="18">
        <v>79</v>
      </c>
      <c r="C589" s="15" t="s">
        <v>635</v>
      </c>
      <c r="D589" s="15" t="s">
        <v>58</v>
      </c>
      <c r="E589" s="16" t="s">
        <v>1940</v>
      </c>
      <c r="F589" s="15" t="s">
        <v>2303</v>
      </c>
      <c r="G589" s="15" t="s">
        <v>2131</v>
      </c>
      <c r="H589" s="10">
        <v>583</v>
      </c>
    </row>
    <row r="590" spans="1:8" s="10" customFormat="1" ht="45" customHeight="1" x14ac:dyDescent="0.15">
      <c r="A590" s="15" t="s">
        <v>116</v>
      </c>
      <c r="B590" s="18">
        <v>80</v>
      </c>
      <c r="C590" s="15" t="s">
        <v>636</v>
      </c>
      <c r="D590" s="15" t="s">
        <v>60</v>
      </c>
      <c r="E590" s="16" t="s">
        <v>1941</v>
      </c>
      <c r="F590" s="15" t="s">
        <v>2557</v>
      </c>
      <c r="G590" s="15" t="s">
        <v>2131</v>
      </c>
      <c r="H590" s="10">
        <v>584</v>
      </c>
    </row>
    <row r="591" spans="1:8" s="10" customFormat="1" ht="45" customHeight="1" x14ac:dyDescent="0.15">
      <c r="A591" s="15" t="s">
        <v>116</v>
      </c>
      <c r="B591" s="18">
        <v>81</v>
      </c>
      <c r="C591" s="15" t="s">
        <v>637</v>
      </c>
      <c r="D591" s="15" t="s">
        <v>1267</v>
      </c>
      <c r="E591" s="16" t="s">
        <v>1942</v>
      </c>
      <c r="F591" s="15" t="s">
        <v>2574</v>
      </c>
      <c r="G591" s="15" t="s">
        <v>2131</v>
      </c>
      <c r="H591" s="10">
        <v>585</v>
      </c>
    </row>
    <row r="592" spans="1:8" s="10" customFormat="1" ht="45" customHeight="1" x14ac:dyDescent="0.15">
      <c r="A592" s="15" t="s">
        <v>116</v>
      </c>
      <c r="B592" s="18">
        <v>82</v>
      </c>
      <c r="C592" s="15" t="s">
        <v>638</v>
      </c>
      <c r="D592" s="15" t="s">
        <v>26</v>
      </c>
      <c r="E592" s="16" t="s">
        <v>1943</v>
      </c>
      <c r="F592" s="15" t="s">
        <v>2312</v>
      </c>
      <c r="G592" s="15" t="s">
        <v>2193</v>
      </c>
      <c r="H592" s="10">
        <v>586</v>
      </c>
    </row>
    <row r="593" spans="1:8" s="10" customFormat="1" ht="45" customHeight="1" x14ac:dyDescent="0.15">
      <c r="A593" s="15" t="s">
        <v>116</v>
      </c>
      <c r="B593" s="18">
        <v>83</v>
      </c>
      <c r="C593" s="15" t="s">
        <v>638</v>
      </c>
      <c r="D593" s="15" t="s">
        <v>26</v>
      </c>
      <c r="E593" s="16" t="s">
        <v>1944</v>
      </c>
      <c r="F593" s="15" t="s">
        <v>2579</v>
      </c>
      <c r="G593" s="15" t="s">
        <v>2180</v>
      </c>
      <c r="H593" s="10">
        <v>587</v>
      </c>
    </row>
    <row r="594" spans="1:8" s="10" customFormat="1" ht="45" customHeight="1" x14ac:dyDescent="0.15">
      <c r="A594" s="15" t="s">
        <v>116</v>
      </c>
      <c r="B594" s="18">
        <v>84</v>
      </c>
      <c r="C594" s="15" t="s">
        <v>639</v>
      </c>
      <c r="D594" s="15" t="s">
        <v>1268</v>
      </c>
      <c r="E594" s="16" t="s">
        <v>1945</v>
      </c>
      <c r="F594" s="15" t="s">
        <v>2558</v>
      </c>
      <c r="G594" s="15" t="s">
        <v>2131</v>
      </c>
      <c r="H594" s="10">
        <v>588</v>
      </c>
    </row>
    <row r="595" spans="1:8" s="10" customFormat="1" ht="45" customHeight="1" x14ac:dyDescent="0.15">
      <c r="A595" s="15" t="s">
        <v>116</v>
      </c>
      <c r="B595" s="18">
        <v>86</v>
      </c>
      <c r="C595" s="15" t="s">
        <v>638</v>
      </c>
      <c r="D595" s="15" t="s">
        <v>1269</v>
      </c>
      <c r="E595" s="16" t="s">
        <v>1946</v>
      </c>
      <c r="F595" s="15" t="s">
        <v>2313</v>
      </c>
      <c r="G595" s="15" t="s">
        <v>2193</v>
      </c>
      <c r="H595" s="10">
        <v>589</v>
      </c>
    </row>
    <row r="596" spans="1:8" s="10" customFormat="1" ht="45" customHeight="1" x14ac:dyDescent="0.15">
      <c r="A596" s="15" t="s">
        <v>116</v>
      </c>
      <c r="B596" s="18">
        <v>87</v>
      </c>
      <c r="C596" s="15" t="s">
        <v>640</v>
      </c>
      <c r="D596" s="15" t="s">
        <v>1269</v>
      </c>
      <c r="E596" s="16" t="s">
        <v>1947</v>
      </c>
      <c r="F596" s="15" t="s">
        <v>2571</v>
      </c>
      <c r="G596" s="16" t="s">
        <v>2193</v>
      </c>
      <c r="H596" s="10">
        <v>590</v>
      </c>
    </row>
    <row r="597" spans="1:8" s="10" customFormat="1" ht="45" customHeight="1" x14ac:dyDescent="0.15">
      <c r="A597" s="15" t="s">
        <v>116</v>
      </c>
      <c r="B597" s="18">
        <v>91</v>
      </c>
      <c r="C597" s="15" t="s">
        <v>641</v>
      </c>
      <c r="D597" s="15" t="s">
        <v>1270</v>
      </c>
      <c r="E597" s="16" t="s">
        <v>1948</v>
      </c>
      <c r="F597" s="15" t="s">
        <v>2573</v>
      </c>
      <c r="G597" s="16" t="s">
        <v>2193</v>
      </c>
      <c r="H597" s="10">
        <v>591</v>
      </c>
    </row>
    <row r="598" spans="1:8" s="10" customFormat="1" ht="45" customHeight="1" x14ac:dyDescent="0.15">
      <c r="A598" s="15" t="s">
        <v>116</v>
      </c>
      <c r="B598" s="18">
        <v>92</v>
      </c>
      <c r="C598" s="15" t="s">
        <v>642</v>
      </c>
      <c r="D598" s="15" t="s">
        <v>1271</v>
      </c>
      <c r="E598" s="16" t="s">
        <v>1949</v>
      </c>
      <c r="F598" s="15" t="s">
        <v>2314</v>
      </c>
      <c r="G598" s="16" t="s">
        <v>2177</v>
      </c>
      <c r="H598" s="10">
        <v>592</v>
      </c>
    </row>
    <row r="599" spans="1:8" s="10" customFormat="1" ht="45" customHeight="1" x14ac:dyDescent="0.15">
      <c r="A599" s="15" t="s">
        <v>116</v>
      </c>
      <c r="B599" s="18">
        <v>94</v>
      </c>
      <c r="C599" s="15" t="s">
        <v>643</v>
      </c>
      <c r="D599" s="15" t="s">
        <v>1234</v>
      </c>
      <c r="E599" s="16" t="s">
        <v>1950</v>
      </c>
      <c r="F599" s="15" t="s">
        <v>2580</v>
      </c>
      <c r="G599" s="15" t="s">
        <v>2131</v>
      </c>
      <c r="H599" s="10">
        <v>593</v>
      </c>
    </row>
    <row r="600" spans="1:8" s="10" customFormat="1" ht="45" customHeight="1" x14ac:dyDescent="0.15">
      <c r="A600" s="15" t="s">
        <v>116</v>
      </c>
      <c r="B600" s="18">
        <v>96</v>
      </c>
      <c r="C600" s="15" t="s">
        <v>644</v>
      </c>
      <c r="D600" s="15" t="s">
        <v>26</v>
      </c>
      <c r="E600" s="16" t="s">
        <v>1951</v>
      </c>
      <c r="F600" s="15" t="s">
        <v>2574</v>
      </c>
      <c r="G600" s="16" t="s">
        <v>2131</v>
      </c>
      <c r="H600" s="10">
        <v>594</v>
      </c>
    </row>
    <row r="601" spans="1:8" s="10" customFormat="1" ht="45" customHeight="1" x14ac:dyDescent="0.15">
      <c r="A601" s="15" t="s">
        <v>116</v>
      </c>
      <c r="B601" s="18">
        <v>97</v>
      </c>
      <c r="C601" s="15" t="s">
        <v>645</v>
      </c>
      <c r="D601" s="15" t="s">
        <v>67</v>
      </c>
      <c r="E601" s="16" t="s">
        <v>1952</v>
      </c>
      <c r="F601" s="15" t="s">
        <v>2581</v>
      </c>
      <c r="G601" s="16" t="s">
        <v>2131</v>
      </c>
      <c r="H601" s="10">
        <v>595</v>
      </c>
    </row>
    <row r="602" spans="1:8" s="10" customFormat="1" ht="45" customHeight="1" x14ac:dyDescent="0.15">
      <c r="A602" s="15" t="s">
        <v>116</v>
      </c>
      <c r="B602" s="18">
        <v>100</v>
      </c>
      <c r="C602" s="15" t="s">
        <v>646</v>
      </c>
      <c r="D602" s="15" t="s">
        <v>1233</v>
      </c>
      <c r="E602" s="16" t="s">
        <v>1891</v>
      </c>
      <c r="F602" s="15" t="s">
        <v>2582</v>
      </c>
      <c r="G602" s="16" t="s">
        <v>2131</v>
      </c>
      <c r="H602" s="10">
        <v>596</v>
      </c>
    </row>
    <row r="603" spans="1:8" s="10" customFormat="1" ht="45" customHeight="1" x14ac:dyDescent="0.15">
      <c r="A603" s="15" t="s">
        <v>116</v>
      </c>
      <c r="B603" s="18">
        <v>101</v>
      </c>
      <c r="C603" s="15" t="s">
        <v>647</v>
      </c>
      <c r="D603" s="15" t="s">
        <v>1269</v>
      </c>
      <c r="E603" s="16" t="s">
        <v>1953</v>
      </c>
      <c r="F603" s="15" t="s">
        <v>2583</v>
      </c>
      <c r="G603" s="16" t="s">
        <v>2174</v>
      </c>
      <c r="H603" s="10">
        <v>597</v>
      </c>
    </row>
    <row r="604" spans="1:8" s="10" customFormat="1" ht="45" customHeight="1" x14ac:dyDescent="0.15">
      <c r="A604" s="15" t="s">
        <v>116</v>
      </c>
      <c r="B604" s="18">
        <v>102</v>
      </c>
      <c r="C604" s="15" t="s">
        <v>648</v>
      </c>
      <c r="D604" s="15" t="s">
        <v>1269</v>
      </c>
      <c r="E604" s="16" t="s">
        <v>1954</v>
      </c>
      <c r="F604" s="15" t="s">
        <v>2584</v>
      </c>
      <c r="G604" s="16" t="s">
        <v>2176</v>
      </c>
      <c r="H604" s="10">
        <v>598</v>
      </c>
    </row>
    <row r="605" spans="1:8" s="10" customFormat="1" ht="45" customHeight="1" x14ac:dyDescent="0.15">
      <c r="A605" s="15" t="s">
        <v>116</v>
      </c>
      <c r="B605" s="18">
        <v>103</v>
      </c>
      <c r="C605" s="15" t="s">
        <v>649</v>
      </c>
      <c r="D605" s="15" t="s">
        <v>1269</v>
      </c>
      <c r="E605" s="16" t="s">
        <v>1955</v>
      </c>
      <c r="F605" s="15" t="s">
        <v>2585</v>
      </c>
      <c r="G605" s="16" t="s">
        <v>2176</v>
      </c>
      <c r="H605" s="10">
        <v>599</v>
      </c>
    </row>
    <row r="606" spans="1:8" s="10" customFormat="1" ht="45" customHeight="1" x14ac:dyDescent="0.15">
      <c r="A606" s="15" t="s">
        <v>116</v>
      </c>
      <c r="B606" s="18">
        <v>105</v>
      </c>
      <c r="C606" s="15" t="s">
        <v>650</v>
      </c>
      <c r="D606" s="15" t="s">
        <v>1272</v>
      </c>
      <c r="E606" s="16" t="s">
        <v>1956</v>
      </c>
      <c r="F606" s="15" t="s">
        <v>2583</v>
      </c>
      <c r="G606" s="16" t="s">
        <v>2131</v>
      </c>
      <c r="H606" s="10">
        <v>600</v>
      </c>
    </row>
    <row r="607" spans="1:8" s="10" customFormat="1" ht="45" customHeight="1" x14ac:dyDescent="0.15">
      <c r="A607" s="15" t="s">
        <v>116</v>
      </c>
      <c r="B607" s="18">
        <v>106</v>
      </c>
      <c r="C607" s="15" t="s">
        <v>651</v>
      </c>
      <c r="D607" s="15" t="s">
        <v>1272</v>
      </c>
      <c r="E607" s="16" t="s">
        <v>1956</v>
      </c>
      <c r="F607" s="15" t="s">
        <v>2571</v>
      </c>
      <c r="G607" s="16" t="s">
        <v>2131</v>
      </c>
      <c r="H607" s="10">
        <v>601</v>
      </c>
    </row>
    <row r="608" spans="1:8" s="10" customFormat="1" ht="45" customHeight="1" x14ac:dyDescent="0.15">
      <c r="A608" s="15" t="s">
        <v>116</v>
      </c>
      <c r="B608" s="18">
        <v>107</v>
      </c>
      <c r="C608" s="15" t="s">
        <v>652</v>
      </c>
      <c r="D608" s="15" t="s">
        <v>69</v>
      </c>
      <c r="E608" s="16" t="s">
        <v>66</v>
      </c>
      <c r="F608" s="15" t="s">
        <v>2586</v>
      </c>
      <c r="G608" s="15" t="s">
        <v>2218</v>
      </c>
      <c r="H608" s="10">
        <v>602</v>
      </c>
    </row>
    <row r="609" spans="1:8" s="10" customFormat="1" ht="45" customHeight="1" x14ac:dyDescent="0.15">
      <c r="A609" s="15" t="s">
        <v>116</v>
      </c>
      <c r="B609" s="18">
        <v>108</v>
      </c>
      <c r="C609" s="15" t="s">
        <v>653</v>
      </c>
      <c r="D609" s="15" t="s">
        <v>1273</v>
      </c>
      <c r="E609" s="16" t="s">
        <v>1957</v>
      </c>
      <c r="F609" s="15" t="s">
        <v>2299</v>
      </c>
      <c r="G609" s="16" t="s">
        <v>2131</v>
      </c>
      <c r="H609" s="10">
        <v>603</v>
      </c>
    </row>
    <row r="610" spans="1:8" s="10" customFormat="1" ht="45" customHeight="1" x14ac:dyDescent="0.15">
      <c r="A610" s="15" t="s">
        <v>116</v>
      </c>
      <c r="B610" s="18">
        <v>110</v>
      </c>
      <c r="C610" s="15" t="s">
        <v>654</v>
      </c>
      <c r="D610" s="15" t="s">
        <v>1274</v>
      </c>
      <c r="E610" s="16" t="s">
        <v>1939</v>
      </c>
      <c r="F610" s="15" t="s">
        <v>2533</v>
      </c>
      <c r="G610" s="16" t="s">
        <v>2175</v>
      </c>
      <c r="H610" s="10">
        <v>604</v>
      </c>
    </row>
    <row r="611" spans="1:8" s="10" customFormat="1" ht="45" customHeight="1" x14ac:dyDescent="0.15">
      <c r="A611" s="15" t="s">
        <v>116</v>
      </c>
      <c r="B611" s="18">
        <v>111</v>
      </c>
      <c r="C611" s="15" t="s">
        <v>655</v>
      </c>
      <c r="D611" s="15" t="s">
        <v>1275</v>
      </c>
      <c r="E611" s="16" t="s">
        <v>1958</v>
      </c>
      <c r="F611" s="15" t="s">
        <v>2580</v>
      </c>
      <c r="G611" s="16" t="s">
        <v>2131</v>
      </c>
      <c r="H611" s="10">
        <v>605</v>
      </c>
    </row>
    <row r="612" spans="1:8" s="10" customFormat="1" ht="45" customHeight="1" x14ac:dyDescent="0.15">
      <c r="A612" s="15" t="s">
        <v>116</v>
      </c>
      <c r="B612" s="18">
        <v>112</v>
      </c>
      <c r="C612" s="15" t="s">
        <v>656</v>
      </c>
      <c r="D612" s="15" t="s">
        <v>71</v>
      </c>
      <c r="E612" s="16" t="s">
        <v>72</v>
      </c>
      <c r="F612" s="15" t="s">
        <v>2587</v>
      </c>
      <c r="G612" s="16" t="s">
        <v>2131</v>
      </c>
      <c r="H612" s="10">
        <v>606</v>
      </c>
    </row>
    <row r="613" spans="1:8" s="10" customFormat="1" ht="45" customHeight="1" x14ac:dyDescent="0.15">
      <c r="A613" s="15" t="s">
        <v>116</v>
      </c>
      <c r="B613" s="18">
        <v>113</v>
      </c>
      <c r="C613" s="15" t="s">
        <v>656</v>
      </c>
      <c r="D613" s="15" t="s">
        <v>58</v>
      </c>
      <c r="E613" s="16" t="s">
        <v>62</v>
      </c>
      <c r="F613" s="15" t="s">
        <v>2559</v>
      </c>
      <c r="G613" s="16" t="s">
        <v>2131</v>
      </c>
      <c r="H613" s="10">
        <v>607</v>
      </c>
    </row>
    <row r="614" spans="1:8" s="10" customFormat="1" ht="45" customHeight="1" x14ac:dyDescent="0.15">
      <c r="A614" s="15" t="s">
        <v>116</v>
      </c>
      <c r="B614" s="18">
        <v>114</v>
      </c>
      <c r="C614" s="15" t="s">
        <v>657</v>
      </c>
      <c r="D614" s="15" t="s">
        <v>60</v>
      </c>
      <c r="E614" s="16" t="s">
        <v>1959</v>
      </c>
      <c r="F614" s="15" t="s">
        <v>2309</v>
      </c>
      <c r="G614" s="16" t="s">
        <v>2131</v>
      </c>
      <c r="H614" s="10">
        <v>608</v>
      </c>
    </row>
    <row r="615" spans="1:8" s="10" customFormat="1" ht="45" customHeight="1" x14ac:dyDescent="0.15">
      <c r="A615" s="15" t="s">
        <v>116</v>
      </c>
      <c r="B615" s="18">
        <v>115</v>
      </c>
      <c r="C615" s="15" t="s">
        <v>658</v>
      </c>
      <c r="D615" s="15" t="s">
        <v>60</v>
      </c>
      <c r="E615" s="16" t="s">
        <v>61</v>
      </c>
      <c r="F615" s="15" t="s">
        <v>2542</v>
      </c>
      <c r="G615" s="16" t="s">
        <v>2131</v>
      </c>
      <c r="H615" s="10">
        <v>609</v>
      </c>
    </row>
    <row r="616" spans="1:8" s="10" customFormat="1" ht="45" customHeight="1" x14ac:dyDescent="0.15">
      <c r="A616" s="15" t="s">
        <v>116</v>
      </c>
      <c r="B616" s="18">
        <v>116</v>
      </c>
      <c r="C616" s="15" t="s">
        <v>659</v>
      </c>
      <c r="D616" s="15" t="s">
        <v>60</v>
      </c>
      <c r="E616" s="16" t="s">
        <v>65</v>
      </c>
      <c r="F616" s="15" t="s">
        <v>2315</v>
      </c>
      <c r="G616" s="16" t="s">
        <v>2131</v>
      </c>
      <c r="H616" s="10">
        <v>610</v>
      </c>
    </row>
    <row r="617" spans="1:8" s="10" customFormat="1" ht="45" customHeight="1" x14ac:dyDescent="0.15">
      <c r="A617" s="15" t="s">
        <v>116</v>
      </c>
      <c r="B617" s="18">
        <v>117</v>
      </c>
      <c r="C617" s="15" t="s">
        <v>660</v>
      </c>
      <c r="D617" s="15" t="s">
        <v>60</v>
      </c>
      <c r="E617" s="16" t="s">
        <v>1960</v>
      </c>
      <c r="F617" s="15" t="s">
        <v>2567</v>
      </c>
      <c r="G617" s="16" t="s">
        <v>2131</v>
      </c>
      <c r="H617" s="10">
        <v>611</v>
      </c>
    </row>
    <row r="618" spans="1:8" s="10" customFormat="1" ht="45" customHeight="1" x14ac:dyDescent="0.15">
      <c r="A618" s="15" t="s">
        <v>116</v>
      </c>
      <c r="B618" s="18">
        <v>118</v>
      </c>
      <c r="C618" s="15" t="s">
        <v>661</v>
      </c>
      <c r="D618" s="15" t="s">
        <v>1276</v>
      </c>
      <c r="E618" s="16" t="s">
        <v>1961</v>
      </c>
      <c r="F618" s="15" t="s">
        <v>2588</v>
      </c>
      <c r="G618" s="16" t="s">
        <v>2131</v>
      </c>
      <c r="H618" s="10">
        <v>612</v>
      </c>
    </row>
    <row r="619" spans="1:8" s="10" customFormat="1" ht="45" customHeight="1" x14ac:dyDescent="0.15">
      <c r="A619" s="15" t="s">
        <v>116</v>
      </c>
      <c r="B619" s="18">
        <v>119</v>
      </c>
      <c r="C619" s="15" t="s">
        <v>662</v>
      </c>
      <c r="D619" s="15" t="s">
        <v>63</v>
      </c>
      <c r="E619" s="16" t="s">
        <v>70</v>
      </c>
      <c r="F619" s="15" t="s">
        <v>2572</v>
      </c>
      <c r="G619" s="16" t="s">
        <v>2131</v>
      </c>
      <c r="H619" s="10">
        <v>613</v>
      </c>
    </row>
    <row r="620" spans="1:8" s="10" customFormat="1" ht="45" customHeight="1" x14ac:dyDescent="0.15">
      <c r="A620" s="15" t="s">
        <v>116</v>
      </c>
      <c r="B620" s="18">
        <v>120</v>
      </c>
      <c r="C620" s="15" t="s">
        <v>663</v>
      </c>
      <c r="D620" s="15" t="s">
        <v>63</v>
      </c>
      <c r="E620" s="16" t="s">
        <v>70</v>
      </c>
      <c r="F620" s="15" t="s">
        <v>2589</v>
      </c>
      <c r="G620" s="16" t="s">
        <v>2131</v>
      </c>
      <c r="H620" s="10">
        <v>614</v>
      </c>
    </row>
    <row r="621" spans="1:8" s="10" customFormat="1" ht="45" customHeight="1" x14ac:dyDescent="0.15">
      <c r="A621" s="15" t="s">
        <v>116</v>
      </c>
      <c r="B621" s="18">
        <v>121</v>
      </c>
      <c r="C621" s="15" t="s">
        <v>664</v>
      </c>
      <c r="D621" s="15" t="s">
        <v>1277</v>
      </c>
      <c r="E621" s="16" t="s">
        <v>1962</v>
      </c>
      <c r="F621" s="15" t="s">
        <v>2307</v>
      </c>
      <c r="G621" s="16" t="s">
        <v>2131</v>
      </c>
      <c r="H621" s="10">
        <v>615</v>
      </c>
    </row>
    <row r="622" spans="1:8" s="10" customFormat="1" ht="45" customHeight="1" x14ac:dyDescent="0.15">
      <c r="A622" s="15" t="s">
        <v>116</v>
      </c>
      <c r="B622" s="18">
        <v>123</v>
      </c>
      <c r="C622" s="15" t="s">
        <v>665</v>
      </c>
      <c r="D622" s="15" t="s">
        <v>1278</v>
      </c>
      <c r="E622" s="16" t="s">
        <v>1963</v>
      </c>
      <c r="F622" s="15" t="s">
        <v>2302</v>
      </c>
      <c r="G622" s="16" t="s">
        <v>2193</v>
      </c>
      <c r="H622" s="10">
        <v>616</v>
      </c>
    </row>
    <row r="623" spans="1:8" s="10" customFormat="1" ht="45" customHeight="1" x14ac:dyDescent="0.15">
      <c r="A623" s="15" t="s">
        <v>116</v>
      </c>
      <c r="B623" s="18">
        <v>124</v>
      </c>
      <c r="C623" s="15" t="s">
        <v>666</v>
      </c>
      <c r="D623" s="15" t="s">
        <v>1279</v>
      </c>
      <c r="E623" s="16" t="s">
        <v>1964</v>
      </c>
      <c r="F623" s="15" t="s">
        <v>2576</v>
      </c>
      <c r="G623" s="16" t="s">
        <v>2131</v>
      </c>
      <c r="H623" s="10">
        <v>617</v>
      </c>
    </row>
    <row r="624" spans="1:8" s="10" customFormat="1" ht="45" customHeight="1" x14ac:dyDescent="0.15">
      <c r="A624" s="15" t="s">
        <v>116</v>
      </c>
      <c r="B624" s="18">
        <v>125</v>
      </c>
      <c r="C624" s="15" t="s">
        <v>667</v>
      </c>
      <c r="D624" s="15" t="s">
        <v>1280</v>
      </c>
      <c r="E624" s="16" t="s">
        <v>62</v>
      </c>
      <c r="F624" s="15" t="s">
        <v>2574</v>
      </c>
      <c r="G624" s="16" t="s">
        <v>2193</v>
      </c>
      <c r="H624" s="10">
        <v>618</v>
      </c>
    </row>
    <row r="625" spans="1:8" s="10" customFormat="1" ht="45" customHeight="1" x14ac:dyDescent="0.15">
      <c r="A625" s="15" t="s">
        <v>116</v>
      </c>
      <c r="B625" s="18">
        <v>126</v>
      </c>
      <c r="C625" s="15" t="s">
        <v>668</v>
      </c>
      <c r="D625" s="15" t="s">
        <v>1281</v>
      </c>
      <c r="E625" s="16" t="s">
        <v>1965</v>
      </c>
      <c r="F625" s="15" t="s">
        <v>2590</v>
      </c>
      <c r="G625" s="16" t="s">
        <v>2131</v>
      </c>
      <c r="H625" s="10">
        <v>619</v>
      </c>
    </row>
    <row r="626" spans="1:8" s="10" customFormat="1" ht="45" customHeight="1" x14ac:dyDescent="0.15">
      <c r="A626" s="15" t="s">
        <v>115</v>
      </c>
      <c r="B626" s="18">
        <v>128</v>
      </c>
      <c r="C626" s="15" t="s">
        <v>669</v>
      </c>
      <c r="D626" s="15" t="s">
        <v>1282</v>
      </c>
      <c r="E626" s="16" t="s">
        <v>1966</v>
      </c>
      <c r="F626" s="15" t="s">
        <v>2566</v>
      </c>
      <c r="G626" s="15" t="s">
        <v>2174</v>
      </c>
      <c r="H626" s="10">
        <v>620</v>
      </c>
    </row>
    <row r="627" spans="1:8" s="10" customFormat="1" ht="45" customHeight="1" x14ac:dyDescent="0.15">
      <c r="A627" s="15" t="s">
        <v>117</v>
      </c>
      <c r="B627" s="18">
        <v>1</v>
      </c>
      <c r="C627" s="15" t="s">
        <v>670</v>
      </c>
      <c r="D627" s="15" t="s">
        <v>1283</v>
      </c>
      <c r="E627" s="16" t="s">
        <v>1967</v>
      </c>
      <c r="F627" s="15" t="s">
        <v>2591</v>
      </c>
      <c r="G627" s="16" t="s">
        <v>2209</v>
      </c>
      <c r="H627" s="10">
        <v>621</v>
      </c>
    </row>
    <row r="628" spans="1:8" s="10" customFormat="1" ht="45" customHeight="1" x14ac:dyDescent="0.15">
      <c r="A628" s="15" t="s">
        <v>117</v>
      </c>
      <c r="B628" s="18">
        <v>3</v>
      </c>
      <c r="C628" s="15" t="s">
        <v>671</v>
      </c>
      <c r="D628" s="15" t="s">
        <v>1284</v>
      </c>
      <c r="E628" s="16" t="s">
        <v>1968</v>
      </c>
      <c r="F628" s="15" t="s">
        <v>2592</v>
      </c>
      <c r="G628" s="16" t="s">
        <v>2193</v>
      </c>
      <c r="H628" s="10">
        <v>622</v>
      </c>
    </row>
    <row r="629" spans="1:8" s="10" customFormat="1" ht="45" customHeight="1" x14ac:dyDescent="0.15">
      <c r="A629" s="15" t="s">
        <v>118</v>
      </c>
      <c r="B629" s="18">
        <v>4</v>
      </c>
      <c r="C629" s="15" t="s">
        <v>672</v>
      </c>
      <c r="D629" s="15" t="s">
        <v>1285</v>
      </c>
      <c r="E629" s="16" t="s">
        <v>1969</v>
      </c>
      <c r="F629" s="15" t="s">
        <v>2593</v>
      </c>
      <c r="G629" s="15" t="s">
        <v>2174</v>
      </c>
      <c r="H629" s="10">
        <v>623</v>
      </c>
    </row>
    <row r="630" spans="1:8" s="10" customFormat="1" ht="45" customHeight="1" x14ac:dyDescent="0.15">
      <c r="A630" s="15" t="s">
        <v>117</v>
      </c>
      <c r="B630" s="18">
        <v>5</v>
      </c>
      <c r="C630" s="15" t="s">
        <v>673</v>
      </c>
      <c r="D630" s="15" t="s">
        <v>1286</v>
      </c>
      <c r="E630" s="16" t="s">
        <v>1970</v>
      </c>
      <c r="F630" s="15" t="s">
        <v>2594</v>
      </c>
      <c r="G630" s="16" t="s">
        <v>2219</v>
      </c>
      <c r="H630" s="10">
        <v>624</v>
      </c>
    </row>
    <row r="631" spans="1:8" s="10" customFormat="1" ht="45" customHeight="1" x14ac:dyDescent="0.15">
      <c r="A631" s="15" t="s">
        <v>117</v>
      </c>
      <c r="B631" s="18">
        <v>7</v>
      </c>
      <c r="C631" s="15" t="s">
        <v>674</v>
      </c>
      <c r="D631" s="15" t="s">
        <v>1287</v>
      </c>
      <c r="E631" s="16" t="s">
        <v>1971</v>
      </c>
      <c r="F631" s="15" t="s">
        <v>2347</v>
      </c>
      <c r="G631" s="16" t="s">
        <v>2209</v>
      </c>
      <c r="H631" s="10">
        <v>625</v>
      </c>
    </row>
    <row r="632" spans="1:8" s="10" customFormat="1" ht="45" customHeight="1" x14ac:dyDescent="0.15">
      <c r="A632" s="15" t="s">
        <v>117</v>
      </c>
      <c r="B632" s="18">
        <v>8</v>
      </c>
      <c r="C632" s="15" t="s">
        <v>675</v>
      </c>
      <c r="D632" s="15" t="s">
        <v>1288</v>
      </c>
      <c r="E632" s="16" t="s">
        <v>1972</v>
      </c>
      <c r="F632" s="15" t="s">
        <v>2354</v>
      </c>
      <c r="G632" s="16" t="s">
        <v>0</v>
      </c>
      <c r="H632" s="10">
        <v>626</v>
      </c>
    </row>
    <row r="633" spans="1:8" s="10" customFormat="1" ht="45" customHeight="1" x14ac:dyDescent="0.15">
      <c r="A633" s="15" t="s">
        <v>117</v>
      </c>
      <c r="B633" s="18">
        <v>9</v>
      </c>
      <c r="C633" s="15" t="s">
        <v>676</v>
      </c>
      <c r="D633" s="15" t="s">
        <v>1289</v>
      </c>
      <c r="E633" s="16" t="s">
        <v>1973</v>
      </c>
      <c r="F633" s="15" t="s">
        <v>2595</v>
      </c>
      <c r="G633" s="16" t="s">
        <v>2176</v>
      </c>
      <c r="H633" s="10">
        <v>627</v>
      </c>
    </row>
    <row r="634" spans="1:8" s="10" customFormat="1" ht="45" customHeight="1" x14ac:dyDescent="0.15">
      <c r="A634" s="15" t="s">
        <v>118</v>
      </c>
      <c r="B634" s="18">
        <v>10</v>
      </c>
      <c r="C634" s="15" t="s">
        <v>677</v>
      </c>
      <c r="D634" s="15" t="s">
        <v>1290</v>
      </c>
      <c r="E634" s="16" t="s">
        <v>1974</v>
      </c>
      <c r="F634" s="15" t="s">
        <v>2347</v>
      </c>
      <c r="G634" s="15" t="s">
        <v>2193</v>
      </c>
      <c r="H634" s="10">
        <v>628</v>
      </c>
    </row>
    <row r="635" spans="1:8" s="10" customFormat="1" ht="45" customHeight="1" x14ac:dyDescent="0.15">
      <c r="A635" s="15" t="s">
        <v>118</v>
      </c>
      <c r="B635" s="18">
        <v>11</v>
      </c>
      <c r="C635" s="15" t="s">
        <v>678</v>
      </c>
      <c r="D635" s="15" t="s">
        <v>1291</v>
      </c>
      <c r="E635" s="16" t="s">
        <v>1975</v>
      </c>
      <c r="F635" s="15" t="s">
        <v>2596</v>
      </c>
      <c r="G635" s="16" t="s">
        <v>2220</v>
      </c>
      <c r="H635" s="10">
        <v>629</v>
      </c>
    </row>
    <row r="636" spans="1:8" s="10" customFormat="1" ht="45" customHeight="1" x14ac:dyDescent="0.15">
      <c r="A636" s="15" t="s">
        <v>117</v>
      </c>
      <c r="B636" s="18">
        <v>12</v>
      </c>
      <c r="C636" s="15" t="s">
        <v>679</v>
      </c>
      <c r="D636" s="15" t="s">
        <v>1292</v>
      </c>
      <c r="E636" s="16" t="s">
        <v>1976</v>
      </c>
      <c r="F636" s="15" t="s">
        <v>2593</v>
      </c>
      <c r="G636" s="16" t="s">
        <v>2209</v>
      </c>
      <c r="H636" s="10">
        <v>630</v>
      </c>
    </row>
    <row r="637" spans="1:8" s="10" customFormat="1" ht="45" customHeight="1" x14ac:dyDescent="0.15">
      <c r="A637" s="15" t="s">
        <v>117</v>
      </c>
      <c r="B637" s="18">
        <v>13</v>
      </c>
      <c r="C637" s="15" t="s">
        <v>680</v>
      </c>
      <c r="D637" s="15" t="s">
        <v>1293</v>
      </c>
      <c r="E637" s="16" t="s">
        <v>1977</v>
      </c>
      <c r="F637" s="15" t="s">
        <v>2597</v>
      </c>
      <c r="G637" s="16" t="s">
        <v>2209</v>
      </c>
      <c r="H637" s="10">
        <v>631</v>
      </c>
    </row>
    <row r="638" spans="1:8" s="10" customFormat="1" ht="45" customHeight="1" x14ac:dyDescent="0.15">
      <c r="A638" s="15" t="s">
        <v>117</v>
      </c>
      <c r="B638" s="18">
        <v>14</v>
      </c>
      <c r="C638" s="15" t="s">
        <v>681</v>
      </c>
      <c r="D638" s="15" t="s">
        <v>1294</v>
      </c>
      <c r="E638" s="16" t="s">
        <v>1978</v>
      </c>
      <c r="F638" s="15" t="s">
        <v>2598</v>
      </c>
      <c r="G638" s="16" t="s">
        <v>2175</v>
      </c>
      <c r="H638" s="10">
        <v>632</v>
      </c>
    </row>
    <row r="639" spans="1:8" s="10" customFormat="1" ht="45" customHeight="1" x14ac:dyDescent="0.15">
      <c r="A639" s="15" t="s">
        <v>117</v>
      </c>
      <c r="B639" s="18">
        <v>15</v>
      </c>
      <c r="C639" s="15" t="s">
        <v>682</v>
      </c>
      <c r="D639" s="15" t="s">
        <v>1295</v>
      </c>
      <c r="E639" s="16" t="s">
        <v>1979</v>
      </c>
      <c r="F639" s="15" t="s">
        <v>2599</v>
      </c>
      <c r="G639" s="16" t="s">
        <v>2209</v>
      </c>
      <c r="H639" s="10">
        <v>633</v>
      </c>
    </row>
    <row r="640" spans="1:8" s="10" customFormat="1" ht="45" customHeight="1" x14ac:dyDescent="0.15">
      <c r="A640" s="15" t="s">
        <v>117</v>
      </c>
      <c r="B640" s="18">
        <v>16</v>
      </c>
      <c r="C640" s="15" t="s">
        <v>683</v>
      </c>
      <c r="D640" s="15" t="s">
        <v>1296</v>
      </c>
      <c r="E640" s="16" t="s">
        <v>1980</v>
      </c>
      <c r="F640" s="15" t="s">
        <v>2596</v>
      </c>
      <c r="G640" s="16" t="s">
        <v>2209</v>
      </c>
      <c r="H640" s="10">
        <v>634</v>
      </c>
    </row>
    <row r="641" spans="1:8" s="14" customFormat="1" ht="45" customHeight="1" x14ac:dyDescent="0.15">
      <c r="A641" s="15" t="s">
        <v>118</v>
      </c>
      <c r="B641" s="18">
        <v>17</v>
      </c>
      <c r="C641" s="15" t="s">
        <v>684</v>
      </c>
      <c r="D641" s="15" t="s">
        <v>1297</v>
      </c>
      <c r="E641" s="16" t="s">
        <v>1981</v>
      </c>
      <c r="F641" s="15" t="s">
        <v>2451</v>
      </c>
      <c r="G641" s="16" t="s">
        <v>2193</v>
      </c>
      <c r="H641" s="10">
        <v>635</v>
      </c>
    </row>
    <row r="642" spans="1:8" s="14" customFormat="1" ht="45" customHeight="1" x14ac:dyDescent="0.15">
      <c r="A642" s="15" t="s">
        <v>117</v>
      </c>
      <c r="B642" s="18">
        <v>19</v>
      </c>
      <c r="C642" s="15" t="s">
        <v>685</v>
      </c>
      <c r="D642" s="15" t="s">
        <v>1298</v>
      </c>
      <c r="E642" s="16" t="s">
        <v>1982</v>
      </c>
      <c r="F642" s="15" t="s">
        <v>2600</v>
      </c>
      <c r="G642" s="16" t="s">
        <v>2193</v>
      </c>
      <c r="H642" s="10">
        <v>636</v>
      </c>
    </row>
    <row r="643" spans="1:8" s="14" customFormat="1" ht="45" customHeight="1" x14ac:dyDescent="0.15">
      <c r="A643" s="15" t="s">
        <v>117</v>
      </c>
      <c r="B643" s="18">
        <v>20</v>
      </c>
      <c r="C643" s="15" t="s">
        <v>686</v>
      </c>
      <c r="D643" s="15" t="s">
        <v>1299</v>
      </c>
      <c r="E643" s="16" t="s">
        <v>1983</v>
      </c>
      <c r="F643" s="15" t="s">
        <v>2601</v>
      </c>
      <c r="G643" s="16" t="s">
        <v>2193</v>
      </c>
      <c r="H643" s="10">
        <v>637</v>
      </c>
    </row>
    <row r="644" spans="1:8" s="14" customFormat="1" ht="45" customHeight="1" x14ac:dyDescent="0.15">
      <c r="A644" s="15" t="s">
        <v>117</v>
      </c>
      <c r="B644" s="18">
        <v>21</v>
      </c>
      <c r="C644" s="15" t="s">
        <v>687</v>
      </c>
      <c r="D644" s="15" t="s">
        <v>1300</v>
      </c>
      <c r="E644" s="16" t="s">
        <v>1984</v>
      </c>
      <c r="F644" s="15" t="s">
        <v>2602</v>
      </c>
      <c r="G644" s="16" t="s">
        <v>2193</v>
      </c>
      <c r="H644" s="10">
        <v>638</v>
      </c>
    </row>
    <row r="645" spans="1:8" s="14" customFormat="1" ht="45" customHeight="1" x14ac:dyDescent="0.15">
      <c r="A645" s="15" t="s">
        <v>117</v>
      </c>
      <c r="B645" s="18">
        <v>22</v>
      </c>
      <c r="C645" s="15" t="s">
        <v>688</v>
      </c>
      <c r="D645" s="15" t="s">
        <v>1301</v>
      </c>
      <c r="E645" s="16" t="s">
        <v>1985</v>
      </c>
      <c r="F645" s="15" t="s">
        <v>2599</v>
      </c>
      <c r="G645" s="16" t="s">
        <v>2193</v>
      </c>
      <c r="H645" s="10">
        <v>639</v>
      </c>
    </row>
    <row r="646" spans="1:8" s="14" customFormat="1" ht="45" customHeight="1" x14ac:dyDescent="0.15">
      <c r="A646" s="15" t="s">
        <v>117</v>
      </c>
      <c r="B646" s="18">
        <v>23</v>
      </c>
      <c r="C646" s="15" t="s">
        <v>689</v>
      </c>
      <c r="D646" s="15" t="s">
        <v>1302</v>
      </c>
      <c r="E646" s="16" t="s">
        <v>1986</v>
      </c>
      <c r="F646" s="15" t="s">
        <v>2260</v>
      </c>
      <c r="G646" s="16" t="s">
        <v>2193</v>
      </c>
      <c r="H646" s="10">
        <v>640</v>
      </c>
    </row>
    <row r="647" spans="1:8" s="14" customFormat="1" ht="45" customHeight="1" x14ac:dyDescent="0.15">
      <c r="A647" s="15" t="s">
        <v>117</v>
      </c>
      <c r="B647" s="18">
        <v>24</v>
      </c>
      <c r="C647" s="15" t="s">
        <v>690</v>
      </c>
      <c r="D647" s="15" t="s">
        <v>1303</v>
      </c>
      <c r="E647" s="16" t="s">
        <v>1987</v>
      </c>
      <c r="F647" s="15" t="s">
        <v>2603</v>
      </c>
      <c r="G647" s="16" t="s">
        <v>2209</v>
      </c>
      <c r="H647" s="10">
        <v>641</v>
      </c>
    </row>
    <row r="648" spans="1:8" s="14" customFormat="1" ht="45" customHeight="1" x14ac:dyDescent="0.15">
      <c r="A648" s="15" t="s">
        <v>117</v>
      </c>
      <c r="B648" s="18">
        <v>25</v>
      </c>
      <c r="C648" s="15" t="s">
        <v>691</v>
      </c>
      <c r="D648" s="15" t="s">
        <v>1304</v>
      </c>
      <c r="E648" s="16" t="s">
        <v>1988</v>
      </c>
      <c r="F648" s="15" t="s">
        <v>2591</v>
      </c>
      <c r="G648" s="16" t="s">
        <v>2209</v>
      </c>
      <c r="H648" s="10">
        <v>642</v>
      </c>
    </row>
    <row r="649" spans="1:8" s="14" customFormat="1" ht="45" customHeight="1" x14ac:dyDescent="0.15">
      <c r="A649" s="15" t="s">
        <v>117</v>
      </c>
      <c r="B649" s="18">
        <v>26</v>
      </c>
      <c r="C649" s="15" t="s">
        <v>692</v>
      </c>
      <c r="D649" s="15" t="s">
        <v>1305</v>
      </c>
      <c r="E649" s="16" t="s">
        <v>1989</v>
      </c>
      <c r="F649" s="15" t="s">
        <v>2593</v>
      </c>
      <c r="G649" s="16" t="s">
        <v>2193</v>
      </c>
      <c r="H649" s="10">
        <v>643</v>
      </c>
    </row>
    <row r="650" spans="1:8" s="14" customFormat="1" ht="45" customHeight="1" x14ac:dyDescent="0.15">
      <c r="A650" s="15" t="s">
        <v>117</v>
      </c>
      <c r="B650" s="18">
        <v>27</v>
      </c>
      <c r="C650" s="15" t="s">
        <v>693</v>
      </c>
      <c r="D650" s="15" t="s">
        <v>1306</v>
      </c>
      <c r="E650" s="16" t="s">
        <v>1990</v>
      </c>
      <c r="F650" s="15" t="s">
        <v>2604</v>
      </c>
      <c r="G650" s="16" t="s">
        <v>2193</v>
      </c>
      <c r="H650" s="10">
        <v>644</v>
      </c>
    </row>
    <row r="651" spans="1:8" s="10" customFormat="1" ht="45" customHeight="1" x14ac:dyDescent="0.15">
      <c r="A651" s="15" t="s">
        <v>117</v>
      </c>
      <c r="B651" s="18">
        <v>28</v>
      </c>
      <c r="C651" s="15" t="s">
        <v>694</v>
      </c>
      <c r="D651" s="15" t="s">
        <v>1307</v>
      </c>
      <c r="E651" s="16" t="s">
        <v>1991</v>
      </c>
      <c r="F651" s="15" t="s">
        <v>2316</v>
      </c>
      <c r="G651" s="16" t="s">
        <v>2209</v>
      </c>
      <c r="H651" s="10">
        <v>645</v>
      </c>
    </row>
    <row r="652" spans="1:8" s="14" customFormat="1" ht="45" customHeight="1" x14ac:dyDescent="0.15">
      <c r="A652" s="15" t="s">
        <v>117</v>
      </c>
      <c r="B652" s="18">
        <v>29</v>
      </c>
      <c r="C652" s="15" t="s">
        <v>695</v>
      </c>
      <c r="D652" s="15" t="s">
        <v>1308</v>
      </c>
      <c r="E652" s="16" t="s">
        <v>1992</v>
      </c>
      <c r="F652" s="15" t="s">
        <v>2605</v>
      </c>
      <c r="G652" s="16" t="s">
        <v>2193</v>
      </c>
      <c r="H652" s="10">
        <v>646</v>
      </c>
    </row>
    <row r="653" spans="1:8" s="10" customFormat="1" ht="45" customHeight="1" x14ac:dyDescent="0.15">
      <c r="A653" s="15" t="s">
        <v>117</v>
      </c>
      <c r="B653" s="18">
        <v>30</v>
      </c>
      <c r="C653" s="15" t="s">
        <v>696</v>
      </c>
      <c r="D653" s="15" t="s">
        <v>1309</v>
      </c>
      <c r="E653" s="16" t="s">
        <v>1993</v>
      </c>
      <c r="F653" s="15" t="s">
        <v>2489</v>
      </c>
      <c r="G653" s="15" t="s">
        <v>2218</v>
      </c>
      <c r="H653" s="10">
        <v>647</v>
      </c>
    </row>
    <row r="654" spans="1:8" s="10" customFormat="1" ht="45" customHeight="1" x14ac:dyDescent="0.15">
      <c r="A654" s="15" t="s">
        <v>117</v>
      </c>
      <c r="B654" s="18">
        <v>31</v>
      </c>
      <c r="C654" s="15" t="s">
        <v>697</v>
      </c>
      <c r="D654" s="15" t="s">
        <v>1310</v>
      </c>
      <c r="E654" s="16" t="s">
        <v>1971</v>
      </c>
      <c r="F654" s="15" t="s">
        <v>2447</v>
      </c>
      <c r="G654" s="16" t="s">
        <v>2175</v>
      </c>
      <c r="H654" s="10">
        <v>648</v>
      </c>
    </row>
    <row r="655" spans="1:8" s="10" customFormat="1" ht="45" customHeight="1" x14ac:dyDescent="0.15">
      <c r="A655" s="15" t="s">
        <v>117</v>
      </c>
      <c r="B655" s="18">
        <v>33</v>
      </c>
      <c r="C655" s="15" t="s">
        <v>698</v>
      </c>
      <c r="D655" s="15" t="s">
        <v>1311</v>
      </c>
      <c r="E655" s="16" t="s">
        <v>1994</v>
      </c>
      <c r="F655" s="15" t="s">
        <v>2599</v>
      </c>
      <c r="G655" s="16" t="s">
        <v>2193</v>
      </c>
      <c r="H655" s="10">
        <v>649</v>
      </c>
    </row>
    <row r="656" spans="1:8" s="14" customFormat="1" ht="45" customHeight="1" x14ac:dyDescent="0.15">
      <c r="A656" s="15" t="s">
        <v>117</v>
      </c>
      <c r="B656" s="18">
        <v>35</v>
      </c>
      <c r="C656" s="15" t="s">
        <v>699</v>
      </c>
      <c r="D656" s="15" t="s">
        <v>1312</v>
      </c>
      <c r="E656" s="16" t="s">
        <v>1995</v>
      </c>
      <c r="F656" s="15" t="s">
        <v>2606</v>
      </c>
      <c r="G656" s="16" t="s">
        <v>2193</v>
      </c>
      <c r="H656" s="10">
        <v>650</v>
      </c>
    </row>
    <row r="657" spans="1:8" s="10" customFormat="1" ht="45" customHeight="1" x14ac:dyDescent="0.15">
      <c r="A657" s="15" t="s">
        <v>117</v>
      </c>
      <c r="B657" s="18">
        <v>36</v>
      </c>
      <c r="C657" s="15" t="s">
        <v>700</v>
      </c>
      <c r="D657" s="15" t="s">
        <v>1313</v>
      </c>
      <c r="E657" s="16" t="s">
        <v>1996</v>
      </c>
      <c r="F657" s="15" t="s">
        <v>2592</v>
      </c>
      <c r="G657" s="16" t="s">
        <v>2193</v>
      </c>
      <c r="H657" s="10">
        <v>651</v>
      </c>
    </row>
    <row r="658" spans="1:8" s="14" customFormat="1" ht="45" customHeight="1" x14ac:dyDescent="0.15">
      <c r="A658" s="15" t="s">
        <v>117</v>
      </c>
      <c r="B658" s="18">
        <v>37</v>
      </c>
      <c r="C658" s="15" t="s">
        <v>701</v>
      </c>
      <c r="D658" s="15" t="s">
        <v>1314</v>
      </c>
      <c r="E658" s="16" t="s">
        <v>1997</v>
      </c>
      <c r="F658" s="15" t="s">
        <v>2600</v>
      </c>
      <c r="G658" s="16" t="s">
        <v>2193</v>
      </c>
      <c r="H658" s="10">
        <v>652</v>
      </c>
    </row>
    <row r="659" spans="1:8" s="10" customFormat="1" ht="45" customHeight="1" x14ac:dyDescent="0.15">
      <c r="A659" s="15" t="s">
        <v>117</v>
      </c>
      <c r="B659" s="18">
        <v>38</v>
      </c>
      <c r="C659" s="15" t="s">
        <v>702</v>
      </c>
      <c r="D659" s="15" t="s">
        <v>1315</v>
      </c>
      <c r="E659" s="16" t="s">
        <v>1998</v>
      </c>
      <c r="F659" s="15" t="s">
        <v>2606</v>
      </c>
      <c r="G659" s="16" t="s">
        <v>2193</v>
      </c>
      <c r="H659" s="10">
        <v>653</v>
      </c>
    </row>
    <row r="660" spans="1:8" s="10" customFormat="1" ht="45" customHeight="1" x14ac:dyDescent="0.15">
      <c r="A660" s="15" t="s">
        <v>117</v>
      </c>
      <c r="B660" s="18">
        <v>39</v>
      </c>
      <c r="C660" s="15" t="s">
        <v>703</v>
      </c>
      <c r="D660" s="15" t="s">
        <v>1316</v>
      </c>
      <c r="E660" s="16" t="s">
        <v>1999</v>
      </c>
      <c r="F660" s="15" t="s">
        <v>2599</v>
      </c>
      <c r="G660" s="16" t="s">
        <v>2193</v>
      </c>
      <c r="H660" s="10">
        <v>654</v>
      </c>
    </row>
    <row r="661" spans="1:8" s="10" customFormat="1" ht="45" customHeight="1" x14ac:dyDescent="0.15">
      <c r="A661" s="15" t="s">
        <v>117</v>
      </c>
      <c r="B661" s="18">
        <v>40</v>
      </c>
      <c r="C661" s="15" t="s">
        <v>704</v>
      </c>
      <c r="D661" s="15" t="s">
        <v>1317</v>
      </c>
      <c r="E661" s="16" t="s">
        <v>2000</v>
      </c>
      <c r="F661" s="15" t="s">
        <v>2347</v>
      </c>
      <c r="G661" s="16" t="s">
        <v>2193</v>
      </c>
      <c r="H661" s="10">
        <v>655</v>
      </c>
    </row>
    <row r="662" spans="1:8" s="10" customFormat="1" ht="45" customHeight="1" x14ac:dyDescent="0.15">
      <c r="A662" s="15" t="s">
        <v>117</v>
      </c>
      <c r="B662" s="18">
        <v>41</v>
      </c>
      <c r="C662" s="15" t="s">
        <v>705</v>
      </c>
      <c r="D662" s="15" t="s">
        <v>1318</v>
      </c>
      <c r="E662" s="16" t="s">
        <v>2001</v>
      </c>
      <c r="F662" s="15" t="s">
        <v>2593</v>
      </c>
      <c r="G662" s="16" t="s">
        <v>2209</v>
      </c>
      <c r="H662" s="10">
        <v>656</v>
      </c>
    </row>
    <row r="663" spans="1:8" s="10" customFormat="1" ht="45" customHeight="1" x14ac:dyDescent="0.15">
      <c r="A663" s="15" t="s">
        <v>117</v>
      </c>
      <c r="B663" s="18">
        <v>42</v>
      </c>
      <c r="C663" s="15" t="s">
        <v>706</v>
      </c>
      <c r="D663" s="15" t="s">
        <v>1319</v>
      </c>
      <c r="E663" s="16" t="s">
        <v>2002</v>
      </c>
      <c r="F663" s="15" t="s">
        <v>2600</v>
      </c>
      <c r="G663" s="16" t="s">
        <v>2193</v>
      </c>
      <c r="H663" s="10">
        <v>657</v>
      </c>
    </row>
    <row r="664" spans="1:8" s="10" customFormat="1" ht="45" customHeight="1" x14ac:dyDescent="0.15">
      <c r="A664" s="15" t="s">
        <v>117</v>
      </c>
      <c r="B664" s="18">
        <v>44</v>
      </c>
      <c r="C664" s="15" t="s">
        <v>707</v>
      </c>
      <c r="D664" s="15" t="s">
        <v>1320</v>
      </c>
      <c r="E664" s="16" t="s">
        <v>2003</v>
      </c>
      <c r="F664" s="15" t="s">
        <v>2260</v>
      </c>
      <c r="G664" s="15" t="s">
        <v>2193</v>
      </c>
      <c r="H664" s="10">
        <v>658</v>
      </c>
    </row>
    <row r="665" spans="1:8" s="10" customFormat="1" ht="45" customHeight="1" x14ac:dyDescent="0.15">
      <c r="A665" s="15" t="s">
        <v>117</v>
      </c>
      <c r="B665" s="18">
        <v>45</v>
      </c>
      <c r="C665" s="15" t="s">
        <v>708</v>
      </c>
      <c r="D665" s="15" t="s">
        <v>1321</v>
      </c>
      <c r="E665" s="16" t="s">
        <v>2004</v>
      </c>
      <c r="F665" s="15" t="s">
        <v>2607</v>
      </c>
      <c r="G665" s="16" t="s">
        <v>2193</v>
      </c>
      <c r="H665" s="10">
        <v>659</v>
      </c>
    </row>
    <row r="666" spans="1:8" s="10" customFormat="1" ht="45" customHeight="1" x14ac:dyDescent="0.15">
      <c r="A666" s="15" t="s">
        <v>117</v>
      </c>
      <c r="B666" s="18">
        <v>47</v>
      </c>
      <c r="C666" s="15" t="s">
        <v>709</v>
      </c>
      <c r="D666" s="15" t="s">
        <v>1322</v>
      </c>
      <c r="E666" s="16" t="s">
        <v>1993</v>
      </c>
      <c r="F666" s="15" t="s">
        <v>2608</v>
      </c>
      <c r="G666" s="15" t="s">
        <v>2177</v>
      </c>
      <c r="H666" s="10">
        <v>660</v>
      </c>
    </row>
    <row r="667" spans="1:8" s="10" customFormat="1" ht="45" customHeight="1" x14ac:dyDescent="0.15">
      <c r="A667" s="15" t="s">
        <v>117</v>
      </c>
      <c r="B667" s="18">
        <v>48</v>
      </c>
      <c r="C667" s="15" t="s">
        <v>710</v>
      </c>
      <c r="D667" s="15" t="s">
        <v>1323</v>
      </c>
      <c r="E667" s="16" t="s">
        <v>2005</v>
      </c>
      <c r="F667" s="15" t="s">
        <v>2609</v>
      </c>
      <c r="G667" s="16" t="s">
        <v>2175</v>
      </c>
      <c r="H667" s="10">
        <v>661</v>
      </c>
    </row>
    <row r="668" spans="1:8" s="10" customFormat="1" ht="45" customHeight="1" x14ac:dyDescent="0.15">
      <c r="A668" s="15" t="s">
        <v>117</v>
      </c>
      <c r="B668" s="18">
        <v>56</v>
      </c>
      <c r="C668" s="15" t="s">
        <v>711</v>
      </c>
      <c r="D668" s="15" t="s">
        <v>73</v>
      </c>
      <c r="E668" s="16" t="s">
        <v>2006</v>
      </c>
      <c r="F668" s="15" t="s">
        <v>2447</v>
      </c>
      <c r="G668" s="15" t="s">
        <v>2175</v>
      </c>
      <c r="H668" s="10">
        <v>662</v>
      </c>
    </row>
    <row r="669" spans="1:8" s="14" customFormat="1" ht="45" customHeight="1" x14ac:dyDescent="0.15">
      <c r="A669" s="15" t="s">
        <v>74</v>
      </c>
      <c r="B669" s="18">
        <v>1</v>
      </c>
      <c r="C669" s="15" t="s">
        <v>712</v>
      </c>
      <c r="D669" s="15" t="s">
        <v>22</v>
      </c>
      <c r="E669" s="16" t="s">
        <v>2007</v>
      </c>
      <c r="F669" s="15" t="s">
        <v>2610</v>
      </c>
      <c r="G669" s="15" t="s">
        <v>2131</v>
      </c>
      <c r="H669" s="10">
        <v>663</v>
      </c>
    </row>
    <row r="670" spans="1:8" s="14" customFormat="1" ht="45" customHeight="1" x14ac:dyDescent="0.15">
      <c r="A670" s="15" t="s">
        <v>74</v>
      </c>
      <c r="B670" s="18">
        <v>2</v>
      </c>
      <c r="C670" s="15" t="s">
        <v>713</v>
      </c>
      <c r="D670" s="15" t="s">
        <v>79</v>
      </c>
      <c r="E670" s="16" t="s">
        <v>77</v>
      </c>
      <c r="F670" s="15" t="s">
        <v>2611</v>
      </c>
      <c r="G670" s="15" t="s">
        <v>2131</v>
      </c>
      <c r="H670" s="10">
        <v>664</v>
      </c>
    </row>
    <row r="671" spans="1:8" s="10" customFormat="1" ht="45" customHeight="1" x14ac:dyDescent="0.15">
      <c r="A671" s="15" t="s">
        <v>74</v>
      </c>
      <c r="B671" s="18">
        <v>3</v>
      </c>
      <c r="C671" s="15" t="s">
        <v>714</v>
      </c>
      <c r="D671" s="15" t="s">
        <v>75</v>
      </c>
      <c r="E671" s="16" t="s">
        <v>76</v>
      </c>
      <c r="F671" s="15" t="s">
        <v>2610</v>
      </c>
      <c r="G671" s="15" t="s">
        <v>2131</v>
      </c>
      <c r="H671" s="10">
        <v>665</v>
      </c>
    </row>
    <row r="672" spans="1:8" s="10" customFormat="1" ht="45" customHeight="1" x14ac:dyDescent="0.15">
      <c r="A672" s="15" t="s">
        <v>74</v>
      </c>
      <c r="B672" s="18">
        <v>5</v>
      </c>
      <c r="C672" s="15" t="s">
        <v>715</v>
      </c>
      <c r="D672" s="15" t="s">
        <v>1324</v>
      </c>
      <c r="E672" s="16" t="s">
        <v>2008</v>
      </c>
      <c r="F672" s="15" t="s">
        <v>2612</v>
      </c>
      <c r="G672" s="15" t="s">
        <v>88</v>
      </c>
      <c r="H672" s="10">
        <v>666</v>
      </c>
    </row>
    <row r="673" spans="1:8" s="10" customFormat="1" ht="45" customHeight="1" x14ac:dyDescent="0.15">
      <c r="A673" s="15" t="s">
        <v>74</v>
      </c>
      <c r="B673" s="18">
        <v>6</v>
      </c>
      <c r="C673" s="15" t="s">
        <v>716</v>
      </c>
      <c r="D673" s="15" t="s">
        <v>1325</v>
      </c>
      <c r="E673" s="16" t="s">
        <v>2009</v>
      </c>
      <c r="F673" s="15" t="s">
        <v>2610</v>
      </c>
      <c r="G673" s="15" t="s">
        <v>2194</v>
      </c>
      <c r="H673" s="10">
        <v>667</v>
      </c>
    </row>
    <row r="674" spans="1:8" s="14" customFormat="1" ht="45" customHeight="1" x14ac:dyDescent="0.15">
      <c r="A674" s="15" t="s">
        <v>74</v>
      </c>
      <c r="B674" s="18">
        <v>7</v>
      </c>
      <c r="C674" s="15" t="s">
        <v>717</v>
      </c>
      <c r="D674" s="15" t="s">
        <v>1326</v>
      </c>
      <c r="E674" s="16" t="s">
        <v>2010</v>
      </c>
      <c r="F674" s="15" t="s">
        <v>2613</v>
      </c>
      <c r="G674" s="15" t="s">
        <v>86</v>
      </c>
      <c r="H674" s="10">
        <v>668</v>
      </c>
    </row>
    <row r="675" spans="1:8" s="14" customFormat="1" ht="45" customHeight="1" x14ac:dyDescent="0.15">
      <c r="A675" s="15" t="s">
        <v>74</v>
      </c>
      <c r="B675" s="18">
        <v>9</v>
      </c>
      <c r="C675" s="15" t="s">
        <v>718</v>
      </c>
      <c r="D675" s="15" t="s">
        <v>1327</v>
      </c>
      <c r="E675" s="16" t="s">
        <v>2011</v>
      </c>
      <c r="F675" s="15" t="s">
        <v>2317</v>
      </c>
      <c r="G675" s="15" t="s">
        <v>2131</v>
      </c>
      <c r="H675" s="10">
        <v>669</v>
      </c>
    </row>
    <row r="676" spans="1:8" s="10" customFormat="1" ht="45" customHeight="1" x14ac:dyDescent="0.15">
      <c r="A676" s="15" t="s">
        <v>74</v>
      </c>
      <c r="B676" s="18">
        <v>10</v>
      </c>
      <c r="C676" s="15" t="s">
        <v>719</v>
      </c>
      <c r="D676" s="15" t="s">
        <v>78</v>
      </c>
      <c r="E676" s="16" t="s">
        <v>2012</v>
      </c>
      <c r="F676" s="15" t="s">
        <v>2614</v>
      </c>
      <c r="G676" s="15" t="s">
        <v>2194</v>
      </c>
      <c r="H676" s="10">
        <v>670</v>
      </c>
    </row>
    <row r="677" spans="1:8" s="10" customFormat="1" ht="45" customHeight="1" x14ac:dyDescent="0.15">
      <c r="A677" s="15" t="s">
        <v>74</v>
      </c>
      <c r="B677" s="18">
        <v>11</v>
      </c>
      <c r="C677" s="15" t="s">
        <v>720</v>
      </c>
      <c r="D677" s="15" t="s">
        <v>1328</v>
      </c>
      <c r="E677" s="16" t="s">
        <v>2013</v>
      </c>
      <c r="F677" s="15" t="s">
        <v>2611</v>
      </c>
      <c r="G677" s="15" t="s">
        <v>2131</v>
      </c>
      <c r="H677" s="10">
        <v>671</v>
      </c>
    </row>
    <row r="678" spans="1:8" s="10" customFormat="1" ht="45" customHeight="1" x14ac:dyDescent="0.15">
      <c r="A678" s="15" t="s">
        <v>74</v>
      </c>
      <c r="B678" s="18">
        <v>12</v>
      </c>
      <c r="C678" s="15" t="s">
        <v>2233</v>
      </c>
      <c r="D678" s="15" t="s">
        <v>1329</v>
      </c>
      <c r="E678" s="16" t="s">
        <v>2014</v>
      </c>
      <c r="F678" s="15" t="s">
        <v>2612</v>
      </c>
      <c r="G678" s="15" t="s">
        <v>88</v>
      </c>
      <c r="H678" s="10">
        <v>672</v>
      </c>
    </row>
    <row r="679" spans="1:8" s="14" customFormat="1" ht="45" customHeight="1" x14ac:dyDescent="0.15">
      <c r="A679" s="15" t="s">
        <v>74</v>
      </c>
      <c r="B679" s="18">
        <v>13</v>
      </c>
      <c r="C679" s="15" t="s">
        <v>721</v>
      </c>
      <c r="D679" s="15" t="s">
        <v>1330</v>
      </c>
      <c r="E679" s="16" t="s">
        <v>2015</v>
      </c>
      <c r="F679" s="15" t="s">
        <v>2615</v>
      </c>
      <c r="G679" s="15" t="s">
        <v>87</v>
      </c>
      <c r="H679" s="10">
        <v>673</v>
      </c>
    </row>
    <row r="680" spans="1:8" s="14" customFormat="1" ht="45" customHeight="1" x14ac:dyDescent="0.15">
      <c r="A680" s="15" t="s">
        <v>74</v>
      </c>
      <c r="B680" s="18">
        <v>14</v>
      </c>
      <c r="C680" s="15" t="s">
        <v>722</v>
      </c>
      <c r="D680" s="15" t="s">
        <v>1331</v>
      </c>
      <c r="E680" s="16" t="s">
        <v>2016</v>
      </c>
      <c r="F680" s="15" t="s">
        <v>2616</v>
      </c>
      <c r="G680" s="15" t="s">
        <v>2194</v>
      </c>
      <c r="H680" s="10">
        <v>674</v>
      </c>
    </row>
    <row r="681" spans="1:8" s="14" customFormat="1" ht="45" customHeight="1" x14ac:dyDescent="0.15">
      <c r="A681" s="15" t="s">
        <v>74</v>
      </c>
      <c r="B681" s="18">
        <v>15</v>
      </c>
      <c r="C681" s="15" t="s">
        <v>723</v>
      </c>
      <c r="D681" s="15" t="s">
        <v>1332</v>
      </c>
      <c r="E681" s="16" t="s">
        <v>2017</v>
      </c>
      <c r="F681" s="15" t="s">
        <v>2610</v>
      </c>
      <c r="G681" s="15" t="s">
        <v>2194</v>
      </c>
      <c r="H681" s="10">
        <v>675</v>
      </c>
    </row>
    <row r="682" spans="1:8" s="14" customFormat="1" ht="45" customHeight="1" x14ac:dyDescent="0.15">
      <c r="A682" s="15" t="s">
        <v>74</v>
      </c>
      <c r="B682" s="18">
        <v>16</v>
      </c>
      <c r="C682" s="15" t="s">
        <v>724</v>
      </c>
      <c r="D682" s="15" t="s">
        <v>1333</v>
      </c>
      <c r="E682" s="16" t="s">
        <v>2234</v>
      </c>
      <c r="F682" s="15" t="s">
        <v>2614</v>
      </c>
      <c r="G682" s="15" t="s">
        <v>2194</v>
      </c>
      <c r="H682" s="10">
        <v>676</v>
      </c>
    </row>
    <row r="683" spans="1:8" s="10" customFormat="1" ht="45" customHeight="1" x14ac:dyDescent="0.15">
      <c r="A683" s="15" t="s">
        <v>74</v>
      </c>
      <c r="B683" s="18">
        <v>17</v>
      </c>
      <c r="C683" s="15" t="s">
        <v>725</v>
      </c>
      <c r="D683" s="15" t="s">
        <v>1326</v>
      </c>
      <c r="E683" s="16" t="s">
        <v>2010</v>
      </c>
      <c r="F683" s="15" t="s">
        <v>2594</v>
      </c>
      <c r="G683" s="15" t="s">
        <v>89</v>
      </c>
      <c r="H683" s="10">
        <v>677</v>
      </c>
    </row>
    <row r="684" spans="1:8" s="10" customFormat="1" ht="45" customHeight="1" x14ac:dyDescent="0.15">
      <c r="A684" s="15" t="s">
        <v>119</v>
      </c>
      <c r="B684" s="18">
        <v>1</v>
      </c>
      <c r="C684" s="15" t="s">
        <v>726</v>
      </c>
      <c r="D684" s="15" t="s">
        <v>1334</v>
      </c>
      <c r="E684" s="16" t="s">
        <v>2018</v>
      </c>
      <c r="F684" s="15" t="s">
        <v>2401</v>
      </c>
      <c r="G684" s="16" t="s">
        <v>2172</v>
      </c>
      <c r="H684" s="10">
        <v>678</v>
      </c>
    </row>
    <row r="685" spans="1:8" s="14" customFormat="1" ht="45" customHeight="1" x14ac:dyDescent="0.15">
      <c r="A685" s="15" t="s">
        <v>119</v>
      </c>
      <c r="B685" s="18">
        <v>2</v>
      </c>
      <c r="C685" s="15" t="s">
        <v>727</v>
      </c>
      <c r="D685" s="15" t="s">
        <v>1335</v>
      </c>
      <c r="E685" s="16" t="s">
        <v>80</v>
      </c>
      <c r="F685" s="15" t="s">
        <v>2482</v>
      </c>
      <c r="G685" s="16" t="s">
        <v>2180</v>
      </c>
      <c r="H685" s="10">
        <v>679</v>
      </c>
    </row>
    <row r="686" spans="1:8" s="14" customFormat="1" ht="45" customHeight="1" x14ac:dyDescent="0.15">
      <c r="A686" s="15" t="s">
        <v>119</v>
      </c>
      <c r="B686" s="18">
        <v>4</v>
      </c>
      <c r="C686" s="15" t="s">
        <v>728</v>
      </c>
      <c r="D686" s="15" t="s">
        <v>1336</v>
      </c>
      <c r="E686" s="16" t="s">
        <v>11</v>
      </c>
      <c r="F686" s="15" t="s">
        <v>2586</v>
      </c>
      <c r="G686" s="15" t="s">
        <v>2209</v>
      </c>
      <c r="H686" s="10">
        <v>680</v>
      </c>
    </row>
    <row r="687" spans="1:8" s="14" customFormat="1" ht="45" customHeight="1" x14ac:dyDescent="0.15">
      <c r="A687" s="15" t="s">
        <v>119</v>
      </c>
      <c r="B687" s="18">
        <v>5</v>
      </c>
      <c r="C687" s="15" t="s">
        <v>729</v>
      </c>
      <c r="D687" s="15" t="s">
        <v>8</v>
      </c>
      <c r="E687" s="16" t="s">
        <v>80</v>
      </c>
      <c r="F687" s="15" t="s">
        <v>2531</v>
      </c>
      <c r="G687" s="15" t="s">
        <v>2172</v>
      </c>
      <c r="H687" s="10">
        <v>681</v>
      </c>
    </row>
    <row r="688" spans="1:8" s="14" customFormat="1" ht="45" customHeight="1" x14ac:dyDescent="0.15">
      <c r="A688" s="15" t="s">
        <v>119</v>
      </c>
      <c r="B688" s="18">
        <v>6</v>
      </c>
      <c r="C688" s="15" t="s">
        <v>730</v>
      </c>
      <c r="D688" s="15" t="s">
        <v>1336</v>
      </c>
      <c r="E688" s="16" t="s">
        <v>11</v>
      </c>
      <c r="F688" s="15" t="s">
        <v>2318</v>
      </c>
      <c r="G688" s="15" t="s">
        <v>2177</v>
      </c>
      <c r="H688" s="10">
        <v>682</v>
      </c>
    </row>
    <row r="689" spans="1:8" s="14" customFormat="1" ht="45" customHeight="1" x14ac:dyDescent="0.15">
      <c r="A689" s="15" t="s">
        <v>119</v>
      </c>
      <c r="B689" s="18">
        <v>9</v>
      </c>
      <c r="C689" s="15" t="s">
        <v>731</v>
      </c>
      <c r="D689" s="15" t="s">
        <v>1337</v>
      </c>
      <c r="E689" s="16" t="s">
        <v>2019</v>
      </c>
      <c r="F689" s="15" t="s">
        <v>2617</v>
      </c>
      <c r="G689" s="15" t="s">
        <v>20</v>
      </c>
      <c r="H689" s="10">
        <v>683</v>
      </c>
    </row>
    <row r="690" spans="1:8" s="14" customFormat="1" ht="45" customHeight="1" x14ac:dyDescent="0.15">
      <c r="A690" s="15" t="s">
        <v>119</v>
      </c>
      <c r="B690" s="18">
        <v>12</v>
      </c>
      <c r="C690" s="15" t="s">
        <v>732</v>
      </c>
      <c r="D690" s="15" t="s">
        <v>1338</v>
      </c>
      <c r="E690" s="16" t="s">
        <v>2020</v>
      </c>
      <c r="F690" s="15" t="s">
        <v>2618</v>
      </c>
      <c r="G690" s="15" t="s">
        <v>2172</v>
      </c>
      <c r="H690" s="10">
        <v>684</v>
      </c>
    </row>
    <row r="691" spans="1:8" s="14" customFormat="1" ht="45" customHeight="1" x14ac:dyDescent="0.15">
      <c r="A691" s="15" t="s">
        <v>119</v>
      </c>
      <c r="B691" s="18">
        <v>18</v>
      </c>
      <c r="C691" s="15" t="s">
        <v>733</v>
      </c>
      <c r="D691" s="15" t="s">
        <v>8</v>
      </c>
      <c r="E691" s="16" t="s">
        <v>80</v>
      </c>
      <c r="F691" s="15" t="s">
        <v>2619</v>
      </c>
      <c r="G691" s="15" t="s">
        <v>2172</v>
      </c>
      <c r="H691" s="10">
        <v>685</v>
      </c>
    </row>
    <row r="692" spans="1:8" s="14" customFormat="1" ht="45" customHeight="1" x14ac:dyDescent="0.15">
      <c r="A692" s="15" t="s">
        <v>119</v>
      </c>
      <c r="B692" s="18">
        <v>19</v>
      </c>
      <c r="C692" s="15" t="s">
        <v>734</v>
      </c>
      <c r="D692" s="15" t="s">
        <v>1337</v>
      </c>
      <c r="E692" s="16" t="s">
        <v>2021</v>
      </c>
      <c r="F692" s="15" t="s">
        <v>2357</v>
      </c>
      <c r="G692" s="15" t="s">
        <v>2172</v>
      </c>
      <c r="H692" s="10">
        <v>686</v>
      </c>
    </row>
    <row r="693" spans="1:8" s="14" customFormat="1" ht="45" customHeight="1" x14ac:dyDescent="0.15">
      <c r="A693" s="15" t="s">
        <v>119</v>
      </c>
      <c r="B693" s="18">
        <v>20</v>
      </c>
      <c r="C693" s="15" t="s">
        <v>735</v>
      </c>
      <c r="D693" s="15" t="s">
        <v>8</v>
      </c>
      <c r="E693" s="16" t="s">
        <v>2022</v>
      </c>
      <c r="F693" s="15" t="s">
        <v>2620</v>
      </c>
      <c r="G693" s="15" t="s">
        <v>2197</v>
      </c>
      <c r="H693" s="10">
        <v>687</v>
      </c>
    </row>
    <row r="694" spans="1:8" s="14" customFormat="1" ht="45" customHeight="1" x14ac:dyDescent="0.15">
      <c r="A694" s="15" t="s">
        <v>119</v>
      </c>
      <c r="B694" s="18">
        <v>22</v>
      </c>
      <c r="C694" s="15" t="s">
        <v>736</v>
      </c>
      <c r="D694" s="15" t="s">
        <v>1337</v>
      </c>
      <c r="E694" s="16" t="s">
        <v>10</v>
      </c>
      <c r="F694" s="15" t="s">
        <v>2621</v>
      </c>
      <c r="G694" s="15" t="s">
        <v>2197</v>
      </c>
      <c r="H694" s="10">
        <v>688</v>
      </c>
    </row>
    <row r="695" spans="1:8" s="14" customFormat="1" ht="45" customHeight="1" x14ac:dyDescent="0.15">
      <c r="A695" s="15" t="s">
        <v>119</v>
      </c>
      <c r="B695" s="18">
        <v>23</v>
      </c>
      <c r="C695" s="15" t="s">
        <v>737</v>
      </c>
      <c r="D695" s="15" t="s">
        <v>8</v>
      </c>
      <c r="E695" s="16" t="s">
        <v>9</v>
      </c>
      <c r="F695" s="15" t="s">
        <v>2620</v>
      </c>
      <c r="G695" s="15" t="s">
        <v>2197</v>
      </c>
      <c r="H695" s="10">
        <v>689</v>
      </c>
    </row>
    <row r="696" spans="1:8" s="14" customFormat="1" ht="45" customHeight="1" x14ac:dyDescent="0.15">
      <c r="A696" s="15" t="s">
        <v>119</v>
      </c>
      <c r="B696" s="18">
        <v>24</v>
      </c>
      <c r="C696" s="15" t="s">
        <v>738</v>
      </c>
      <c r="D696" s="15" t="s">
        <v>1337</v>
      </c>
      <c r="E696" s="16" t="s">
        <v>10</v>
      </c>
      <c r="F696" s="15" t="s">
        <v>2622</v>
      </c>
      <c r="G696" s="16" t="s">
        <v>20</v>
      </c>
      <c r="H696" s="10">
        <v>690</v>
      </c>
    </row>
    <row r="697" spans="1:8" s="14" customFormat="1" ht="45" customHeight="1" x14ac:dyDescent="0.15">
      <c r="A697" s="15" t="s">
        <v>119</v>
      </c>
      <c r="B697" s="18">
        <v>25</v>
      </c>
      <c r="C697" s="15" t="s">
        <v>739</v>
      </c>
      <c r="D697" s="15" t="s">
        <v>1337</v>
      </c>
      <c r="E697" s="16" t="s">
        <v>2023</v>
      </c>
      <c r="F697" s="15" t="s">
        <v>2612</v>
      </c>
      <c r="G697" s="16" t="s">
        <v>20</v>
      </c>
      <c r="H697" s="10">
        <v>691</v>
      </c>
    </row>
    <row r="698" spans="1:8" s="14" customFormat="1" ht="45" customHeight="1" x14ac:dyDescent="0.15">
      <c r="A698" s="15" t="s">
        <v>119</v>
      </c>
      <c r="B698" s="18">
        <v>26</v>
      </c>
      <c r="C698" s="15" t="s">
        <v>740</v>
      </c>
      <c r="D698" s="15" t="s">
        <v>1337</v>
      </c>
      <c r="E698" s="16" t="s">
        <v>2024</v>
      </c>
      <c r="F698" s="15" t="s">
        <v>2623</v>
      </c>
      <c r="G698" s="16" t="s">
        <v>20</v>
      </c>
      <c r="H698" s="10">
        <v>692</v>
      </c>
    </row>
    <row r="699" spans="1:8" s="10" customFormat="1" ht="45" customHeight="1" x14ac:dyDescent="0.15">
      <c r="A699" s="15" t="s">
        <v>119</v>
      </c>
      <c r="B699" s="18">
        <v>27</v>
      </c>
      <c r="C699" s="15" t="s">
        <v>741</v>
      </c>
      <c r="D699" s="15" t="s">
        <v>8</v>
      </c>
      <c r="E699" s="16" t="s">
        <v>2022</v>
      </c>
      <c r="F699" s="15" t="s">
        <v>2624</v>
      </c>
      <c r="G699" s="16" t="s">
        <v>20</v>
      </c>
      <c r="H699" s="10">
        <v>693</v>
      </c>
    </row>
    <row r="700" spans="1:8" s="10" customFormat="1" ht="45" customHeight="1" x14ac:dyDescent="0.15">
      <c r="A700" s="15" t="s">
        <v>119</v>
      </c>
      <c r="B700" s="18">
        <v>28</v>
      </c>
      <c r="C700" s="15" t="s">
        <v>742</v>
      </c>
      <c r="D700" s="15" t="s">
        <v>8</v>
      </c>
      <c r="E700" s="16" t="s">
        <v>2022</v>
      </c>
      <c r="F700" s="15" t="s">
        <v>2625</v>
      </c>
      <c r="G700" s="16" t="s">
        <v>20</v>
      </c>
      <c r="H700" s="10">
        <v>694</v>
      </c>
    </row>
    <row r="701" spans="1:8" s="10" customFormat="1" ht="45" customHeight="1" x14ac:dyDescent="0.15">
      <c r="A701" s="15" t="s">
        <v>119</v>
      </c>
      <c r="B701" s="18">
        <v>29</v>
      </c>
      <c r="C701" s="15" t="s">
        <v>743</v>
      </c>
      <c r="D701" s="15" t="s">
        <v>8</v>
      </c>
      <c r="E701" s="16" t="s">
        <v>9</v>
      </c>
      <c r="F701" s="15" t="s">
        <v>2626</v>
      </c>
      <c r="G701" s="16" t="s">
        <v>20</v>
      </c>
      <c r="H701" s="10">
        <v>695</v>
      </c>
    </row>
    <row r="702" spans="1:8" s="10" customFormat="1" ht="45" customHeight="1" x14ac:dyDescent="0.15">
      <c r="A702" s="15" t="s">
        <v>120</v>
      </c>
      <c r="B702" s="18">
        <v>1</v>
      </c>
      <c r="C702" s="15" t="s">
        <v>744</v>
      </c>
      <c r="D702" s="15" t="s">
        <v>1339</v>
      </c>
      <c r="E702" s="16" t="s">
        <v>2025</v>
      </c>
      <c r="F702" s="15" t="s">
        <v>2627</v>
      </c>
      <c r="G702" s="15" t="s">
        <v>2221</v>
      </c>
      <c r="H702" s="10">
        <v>696</v>
      </c>
    </row>
    <row r="703" spans="1:8" s="10" customFormat="1" ht="45" customHeight="1" x14ac:dyDescent="0.15">
      <c r="A703" s="15" t="s">
        <v>120</v>
      </c>
      <c r="B703" s="18">
        <v>2</v>
      </c>
      <c r="C703" s="15" t="s">
        <v>745</v>
      </c>
      <c r="D703" s="15" t="s">
        <v>1340</v>
      </c>
      <c r="E703" s="16" t="s">
        <v>2026</v>
      </c>
      <c r="F703" s="15" t="s">
        <v>2628</v>
      </c>
      <c r="G703" s="16" t="s">
        <v>2222</v>
      </c>
      <c r="H703" s="10">
        <v>697</v>
      </c>
    </row>
    <row r="704" spans="1:8" s="10" customFormat="1" ht="45" customHeight="1" x14ac:dyDescent="0.15">
      <c r="A704" s="15" t="s">
        <v>120</v>
      </c>
      <c r="B704" s="18">
        <v>3</v>
      </c>
      <c r="C704" s="15" t="s">
        <v>746</v>
      </c>
      <c r="D704" s="15" t="s">
        <v>1340</v>
      </c>
      <c r="E704" s="16" t="s">
        <v>2026</v>
      </c>
      <c r="F704" s="15" t="s">
        <v>2629</v>
      </c>
      <c r="G704" s="16" t="s">
        <v>2222</v>
      </c>
      <c r="H704" s="10">
        <v>698</v>
      </c>
    </row>
    <row r="705" spans="1:8" s="10" customFormat="1" ht="45" customHeight="1" x14ac:dyDescent="0.15">
      <c r="A705" s="15" t="s">
        <v>120</v>
      </c>
      <c r="B705" s="18">
        <v>3</v>
      </c>
      <c r="C705" s="15" t="s">
        <v>746</v>
      </c>
      <c r="D705" s="15" t="s">
        <v>1340</v>
      </c>
      <c r="E705" s="16" t="s">
        <v>2026</v>
      </c>
      <c r="F705" s="15" t="s">
        <v>2630</v>
      </c>
      <c r="G705" s="16" t="s">
        <v>2222</v>
      </c>
      <c r="H705" s="10">
        <v>699</v>
      </c>
    </row>
    <row r="706" spans="1:8" s="10" customFormat="1" ht="45" customHeight="1" x14ac:dyDescent="0.15">
      <c r="A706" s="15" t="s">
        <v>121</v>
      </c>
      <c r="B706" s="18">
        <v>4</v>
      </c>
      <c r="C706" s="15" t="s">
        <v>747</v>
      </c>
      <c r="D706" s="15" t="s">
        <v>1341</v>
      </c>
      <c r="E706" s="16" t="s">
        <v>2027</v>
      </c>
      <c r="F706" s="15" t="s">
        <v>2474</v>
      </c>
      <c r="G706" s="15" t="s">
        <v>2223</v>
      </c>
      <c r="H706" s="10">
        <v>700</v>
      </c>
    </row>
    <row r="707" spans="1:8" s="10" customFormat="1" ht="45" customHeight="1" x14ac:dyDescent="0.15">
      <c r="A707" s="15" t="s">
        <v>122</v>
      </c>
      <c r="B707" s="18">
        <v>9</v>
      </c>
      <c r="C707" s="15" t="s">
        <v>748</v>
      </c>
      <c r="D707" s="15" t="s">
        <v>1342</v>
      </c>
      <c r="E707" s="16" t="s">
        <v>2028</v>
      </c>
      <c r="F707" s="15" t="s">
        <v>2631</v>
      </c>
      <c r="G707" s="16" t="s">
        <v>89</v>
      </c>
      <c r="H707" s="10">
        <v>701</v>
      </c>
    </row>
    <row r="708" spans="1:8" s="10" customFormat="1" ht="45" customHeight="1" x14ac:dyDescent="0.15">
      <c r="A708" s="15" t="s">
        <v>122</v>
      </c>
      <c r="B708" s="18">
        <v>10</v>
      </c>
      <c r="C708" s="15" t="s">
        <v>749</v>
      </c>
      <c r="D708" s="15" t="s">
        <v>1343</v>
      </c>
      <c r="E708" s="16" t="s">
        <v>2029</v>
      </c>
      <c r="F708" s="15" t="s">
        <v>2632</v>
      </c>
      <c r="G708" s="15" t="s">
        <v>89</v>
      </c>
      <c r="H708" s="10">
        <v>702</v>
      </c>
    </row>
    <row r="709" spans="1:8" s="10" customFormat="1" ht="45" customHeight="1" x14ac:dyDescent="0.15">
      <c r="A709" s="15" t="s">
        <v>122</v>
      </c>
      <c r="B709" s="18">
        <v>11</v>
      </c>
      <c r="C709" s="15" t="s">
        <v>750</v>
      </c>
      <c r="D709" s="15" t="s">
        <v>1344</v>
      </c>
      <c r="E709" s="16" t="s">
        <v>2030</v>
      </c>
      <c r="F709" s="15" t="s">
        <v>2633</v>
      </c>
      <c r="G709" s="15" t="s">
        <v>89</v>
      </c>
      <c r="H709" s="10">
        <v>703</v>
      </c>
    </row>
    <row r="710" spans="1:8" s="10" customFormat="1" ht="45" customHeight="1" x14ac:dyDescent="0.15">
      <c r="A710" s="15" t="s">
        <v>122</v>
      </c>
      <c r="B710" s="18">
        <v>13</v>
      </c>
      <c r="C710" s="15" t="s">
        <v>751</v>
      </c>
      <c r="D710" s="15" t="s">
        <v>1345</v>
      </c>
      <c r="E710" s="16" t="s">
        <v>2028</v>
      </c>
      <c r="F710" s="15" t="s">
        <v>2634</v>
      </c>
      <c r="G710" s="16" t="s">
        <v>2196</v>
      </c>
      <c r="H710" s="10">
        <v>704</v>
      </c>
    </row>
    <row r="711" spans="1:8" s="10" customFormat="1" ht="45" customHeight="1" x14ac:dyDescent="0.15">
      <c r="A711" s="15" t="s">
        <v>122</v>
      </c>
      <c r="B711" s="18">
        <v>14</v>
      </c>
      <c r="C711" s="15" t="s">
        <v>752</v>
      </c>
      <c r="D711" s="15" t="s">
        <v>1343</v>
      </c>
      <c r="E711" s="16" t="s">
        <v>2029</v>
      </c>
      <c r="F711" s="15" t="s">
        <v>2635</v>
      </c>
      <c r="G711" s="15" t="s">
        <v>2196</v>
      </c>
      <c r="H711" s="10">
        <v>705</v>
      </c>
    </row>
    <row r="712" spans="1:8" s="10" customFormat="1" ht="45" customHeight="1" x14ac:dyDescent="0.15">
      <c r="A712" s="15" t="s">
        <v>122</v>
      </c>
      <c r="B712" s="18">
        <v>15</v>
      </c>
      <c r="C712" s="15" t="s">
        <v>753</v>
      </c>
      <c r="D712" s="15" t="s">
        <v>1346</v>
      </c>
      <c r="E712" s="16" t="s">
        <v>2031</v>
      </c>
      <c r="F712" s="15" t="s">
        <v>2636</v>
      </c>
      <c r="G712" s="15" t="s">
        <v>2204</v>
      </c>
      <c r="H712" s="10">
        <v>706</v>
      </c>
    </row>
    <row r="713" spans="1:8" s="10" customFormat="1" ht="45" customHeight="1" x14ac:dyDescent="0.15">
      <c r="A713" s="15" t="s">
        <v>122</v>
      </c>
      <c r="B713" s="18">
        <v>18</v>
      </c>
      <c r="C713" s="15" t="s">
        <v>754</v>
      </c>
      <c r="D713" s="15" t="s">
        <v>1347</v>
      </c>
      <c r="E713" s="16" t="s">
        <v>2032</v>
      </c>
      <c r="F713" s="15" t="s">
        <v>2637</v>
      </c>
      <c r="G713" s="15" t="s">
        <v>89</v>
      </c>
      <c r="H713" s="10">
        <v>707</v>
      </c>
    </row>
    <row r="714" spans="1:8" s="10" customFormat="1" ht="45" customHeight="1" x14ac:dyDescent="0.15">
      <c r="A714" s="15" t="s">
        <v>122</v>
      </c>
      <c r="B714" s="18">
        <v>19</v>
      </c>
      <c r="C714" s="15" t="s">
        <v>755</v>
      </c>
      <c r="D714" s="15" t="s">
        <v>1348</v>
      </c>
      <c r="E714" s="16" t="s">
        <v>2033</v>
      </c>
      <c r="F714" s="15" t="s">
        <v>2638</v>
      </c>
      <c r="G714" s="15" t="s">
        <v>89</v>
      </c>
      <c r="H714" s="10">
        <v>708</v>
      </c>
    </row>
    <row r="715" spans="1:8" s="10" customFormat="1" ht="45" customHeight="1" x14ac:dyDescent="0.15">
      <c r="A715" s="15" t="s">
        <v>122</v>
      </c>
      <c r="B715" s="18">
        <v>20</v>
      </c>
      <c r="C715" s="15" t="s">
        <v>756</v>
      </c>
      <c r="D715" s="16" t="s">
        <v>1349</v>
      </c>
      <c r="E715" s="16" t="s">
        <v>2034</v>
      </c>
      <c r="F715" s="15" t="s">
        <v>2639</v>
      </c>
      <c r="G715" s="15" t="s">
        <v>89</v>
      </c>
      <c r="H715" s="10">
        <v>709</v>
      </c>
    </row>
    <row r="716" spans="1:8" s="10" customFormat="1" ht="45" customHeight="1" x14ac:dyDescent="0.15">
      <c r="A716" s="15" t="s">
        <v>122</v>
      </c>
      <c r="B716" s="18">
        <v>23</v>
      </c>
      <c r="C716" s="15" t="s">
        <v>757</v>
      </c>
      <c r="D716" s="15" t="s">
        <v>1348</v>
      </c>
      <c r="E716" s="16" t="s">
        <v>2035</v>
      </c>
      <c r="F716" s="16" t="s">
        <v>2640</v>
      </c>
      <c r="G716" s="16" t="s">
        <v>2196</v>
      </c>
      <c r="H716" s="10">
        <v>710</v>
      </c>
    </row>
    <row r="717" spans="1:8" s="10" customFormat="1" ht="45" customHeight="1" x14ac:dyDescent="0.15">
      <c r="A717" s="15" t="s">
        <v>122</v>
      </c>
      <c r="B717" s="18">
        <v>24</v>
      </c>
      <c r="C717" s="15" t="s">
        <v>758</v>
      </c>
      <c r="D717" s="15" t="s">
        <v>1347</v>
      </c>
      <c r="E717" s="16" t="s">
        <v>2032</v>
      </c>
      <c r="F717" s="15" t="s">
        <v>2641</v>
      </c>
      <c r="G717" s="15" t="s">
        <v>2196</v>
      </c>
      <c r="H717" s="10">
        <v>711</v>
      </c>
    </row>
    <row r="718" spans="1:8" s="10" customFormat="1" ht="45" customHeight="1" x14ac:dyDescent="0.15">
      <c r="A718" s="15" t="s">
        <v>122</v>
      </c>
      <c r="B718" s="18">
        <v>25</v>
      </c>
      <c r="C718" s="15" t="s">
        <v>759</v>
      </c>
      <c r="D718" s="15" t="s">
        <v>1349</v>
      </c>
      <c r="E718" s="16" t="s">
        <v>2036</v>
      </c>
      <c r="F718" s="15" t="s">
        <v>2642</v>
      </c>
      <c r="G718" s="15" t="s">
        <v>2196</v>
      </c>
      <c r="H718" s="10">
        <v>712</v>
      </c>
    </row>
    <row r="719" spans="1:8" s="10" customFormat="1" ht="45" customHeight="1" x14ac:dyDescent="0.15">
      <c r="A719" s="15" t="s">
        <v>122</v>
      </c>
      <c r="B719" s="18">
        <v>26</v>
      </c>
      <c r="C719" s="15" t="s">
        <v>760</v>
      </c>
      <c r="D719" s="15" t="s">
        <v>1349</v>
      </c>
      <c r="E719" s="16" t="s">
        <v>2037</v>
      </c>
      <c r="F719" s="15" t="s">
        <v>2643</v>
      </c>
      <c r="G719" s="15" t="s">
        <v>2204</v>
      </c>
      <c r="H719" s="10">
        <v>713</v>
      </c>
    </row>
    <row r="720" spans="1:8" s="10" customFormat="1" ht="45" customHeight="1" x14ac:dyDescent="0.15">
      <c r="A720" s="16" t="s">
        <v>122</v>
      </c>
      <c r="B720" s="18">
        <v>27</v>
      </c>
      <c r="C720" s="16" t="s">
        <v>761</v>
      </c>
      <c r="D720" s="16" t="s">
        <v>1350</v>
      </c>
      <c r="E720" s="16" t="s">
        <v>2038</v>
      </c>
      <c r="F720" s="16" t="s">
        <v>2644</v>
      </c>
      <c r="G720" s="15" t="s">
        <v>2204</v>
      </c>
      <c r="H720" s="10">
        <v>714</v>
      </c>
    </row>
    <row r="721" spans="1:8" s="10" customFormat="1" ht="45" customHeight="1" x14ac:dyDescent="0.15">
      <c r="A721" s="15" t="s">
        <v>122</v>
      </c>
      <c r="B721" s="18">
        <v>28</v>
      </c>
      <c r="C721" s="15" t="s">
        <v>762</v>
      </c>
      <c r="D721" s="15" t="s">
        <v>1351</v>
      </c>
      <c r="E721" s="16" t="s">
        <v>2039</v>
      </c>
      <c r="F721" s="15" t="s">
        <v>2645</v>
      </c>
      <c r="G721" s="15" t="s">
        <v>2196</v>
      </c>
      <c r="H721" s="10">
        <v>715</v>
      </c>
    </row>
    <row r="722" spans="1:8" s="10" customFormat="1" ht="45" customHeight="1" x14ac:dyDescent="0.15">
      <c r="A722" s="15" t="s">
        <v>122</v>
      </c>
      <c r="B722" s="18">
        <v>29</v>
      </c>
      <c r="C722" s="15" t="s">
        <v>763</v>
      </c>
      <c r="D722" s="15" t="s">
        <v>1352</v>
      </c>
      <c r="E722" s="16" t="s">
        <v>2040</v>
      </c>
      <c r="F722" s="15" t="s">
        <v>2472</v>
      </c>
      <c r="G722" s="15" t="s">
        <v>2131</v>
      </c>
      <c r="H722" s="10">
        <v>716</v>
      </c>
    </row>
    <row r="723" spans="1:8" s="10" customFormat="1" ht="45" customHeight="1" x14ac:dyDescent="0.15">
      <c r="A723" s="15" t="s">
        <v>122</v>
      </c>
      <c r="B723" s="18">
        <v>30</v>
      </c>
      <c r="C723" s="15" t="s">
        <v>764</v>
      </c>
      <c r="D723" s="15" t="s">
        <v>1353</v>
      </c>
      <c r="E723" s="16" t="s">
        <v>2041</v>
      </c>
      <c r="F723" s="15" t="s">
        <v>2646</v>
      </c>
      <c r="G723" s="15" t="s">
        <v>89</v>
      </c>
      <c r="H723" s="10">
        <v>717</v>
      </c>
    </row>
    <row r="724" spans="1:8" s="10" customFormat="1" ht="45" customHeight="1" x14ac:dyDescent="0.15">
      <c r="A724" s="15" t="s">
        <v>122</v>
      </c>
      <c r="B724" s="18">
        <v>31</v>
      </c>
      <c r="C724" s="15" t="s">
        <v>765</v>
      </c>
      <c r="D724" s="15" t="s">
        <v>1354</v>
      </c>
      <c r="E724" s="16" t="s">
        <v>2042</v>
      </c>
      <c r="F724" s="15" t="s">
        <v>2646</v>
      </c>
      <c r="G724" s="15" t="s">
        <v>89</v>
      </c>
      <c r="H724" s="10">
        <v>718</v>
      </c>
    </row>
    <row r="725" spans="1:8" s="10" customFormat="1" ht="45" customHeight="1" x14ac:dyDescent="0.15">
      <c r="A725" s="15" t="s">
        <v>122</v>
      </c>
      <c r="B725" s="18">
        <v>32</v>
      </c>
      <c r="C725" s="15" t="s">
        <v>766</v>
      </c>
      <c r="D725" s="15" t="s">
        <v>1355</v>
      </c>
      <c r="E725" s="16" t="s">
        <v>2043</v>
      </c>
      <c r="F725" s="15" t="s">
        <v>2409</v>
      </c>
      <c r="G725" s="15" t="s">
        <v>89</v>
      </c>
      <c r="H725" s="10">
        <v>719</v>
      </c>
    </row>
    <row r="726" spans="1:8" s="10" customFormat="1" ht="45" customHeight="1" x14ac:dyDescent="0.15">
      <c r="A726" s="15" t="s">
        <v>122</v>
      </c>
      <c r="B726" s="18">
        <v>33</v>
      </c>
      <c r="C726" s="15" t="s">
        <v>767</v>
      </c>
      <c r="D726" s="15" t="s">
        <v>1356</v>
      </c>
      <c r="E726" s="16" t="s">
        <v>2044</v>
      </c>
      <c r="F726" s="15" t="s">
        <v>2647</v>
      </c>
      <c r="G726" s="15" t="s">
        <v>89</v>
      </c>
      <c r="H726" s="10">
        <v>720</v>
      </c>
    </row>
    <row r="727" spans="1:8" s="10" customFormat="1" ht="45" customHeight="1" x14ac:dyDescent="0.15">
      <c r="A727" s="15" t="s">
        <v>122</v>
      </c>
      <c r="B727" s="18">
        <v>34</v>
      </c>
      <c r="C727" s="15" t="s">
        <v>768</v>
      </c>
      <c r="D727" s="15" t="s">
        <v>1357</v>
      </c>
      <c r="E727" s="16" t="s">
        <v>2045</v>
      </c>
      <c r="F727" s="15" t="s">
        <v>2648</v>
      </c>
      <c r="G727" s="15" t="s">
        <v>89</v>
      </c>
      <c r="H727" s="10">
        <v>721</v>
      </c>
    </row>
    <row r="728" spans="1:8" s="10" customFormat="1" ht="45" customHeight="1" x14ac:dyDescent="0.15">
      <c r="A728" s="15" t="s">
        <v>122</v>
      </c>
      <c r="B728" s="18">
        <v>35</v>
      </c>
      <c r="C728" s="15" t="s">
        <v>769</v>
      </c>
      <c r="D728" s="15" t="s">
        <v>1358</v>
      </c>
      <c r="E728" s="16" t="s">
        <v>2046</v>
      </c>
      <c r="F728" s="15" t="s">
        <v>2648</v>
      </c>
      <c r="G728" s="15" t="s">
        <v>89</v>
      </c>
      <c r="H728" s="10">
        <v>722</v>
      </c>
    </row>
    <row r="729" spans="1:8" s="10" customFormat="1" ht="45" customHeight="1" x14ac:dyDescent="0.15">
      <c r="A729" s="15" t="s">
        <v>122</v>
      </c>
      <c r="B729" s="18">
        <v>37</v>
      </c>
      <c r="C729" s="15" t="s">
        <v>770</v>
      </c>
      <c r="D729" s="15" t="s">
        <v>1359</v>
      </c>
      <c r="E729" s="16" t="s">
        <v>2047</v>
      </c>
      <c r="F729" s="15" t="s">
        <v>2481</v>
      </c>
      <c r="G729" s="15" t="s">
        <v>89</v>
      </c>
      <c r="H729" s="10">
        <v>723</v>
      </c>
    </row>
    <row r="730" spans="1:8" s="10" customFormat="1" ht="45" customHeight="1" x14ac:dyDescent="0.15">
      <c r="A730" s="15" t="s">
        <v>122</v>
      </c>
      <c r="B730" s="18">
        <v>38</v>
      </c>
      <c r="C730" s="15" t="s">
        <v>771</v>
      </c>
      <c r="D730" s="15" t="s">
        <v>1360</v>
      </c>
      <c r="E730" s="16" t="s">
        <v>2048</v>
      </c>
      <c r="F730" s="15" t="s">
        <v>2649</v>
      </c>
      <c r="G730" s="15" t="s">
        <v>89</v>
      </c>
      <c r="H730" s="10">
        <v>724</v>
      </c>
    </row>
    <row r="731" spans="1:8" s="10" customFormat="1" ht="45" customHeight="1" x14ac:dyDescent="0.15">
      <c r="A731" s="15" t="s">
        <v>122</v>
      </c>
      <c r="B731" s="18">
        <v>39</v>
      </c>
      <c r="C731" s="15" t="s">
        <v>772</v>
      </c>
      <c r="D731" s="15" t="s">
        <v>1361</v>
      </c>
      <c r="E731" s="16" t="s">
        <v>2049</v>
      </c>
      <c r="F731" s="15" t="s">
        <v>2650</v>
      </c>
      <c r="G731" s="15" t="s">
        <v>89</v>
      </c>
      <c r="H731" s="10">
        <v>725</v>
      </c>
    </row>
    <row r="732" spans="1:8" s="10" customFormat="1" ht="45" customHeight="1" x14ac:dyDescent="0.15">
      <c r="A732" s="15" t="s">
        <v>122</v>
      </c>
      <c r="B732" s="18">
        <v>40</v>
      </c>
      <c r="C732" s="15" t="s">
        <v>773</v>
      </c>
      <c r="D732" s="15" t="s">
        <v>1362</v>
      </c>
      <c r="E732" s="16" t="s">
        <v>2050</v>
      </c>
      <c r="F732" s="15" t="s">
        <v>2342</v>
      </c>
      <c r="G732" s="15" t="s">
        <v>89</v>
      </c>
      <c r="H732" s="10">
        <v>726</v>
      </c>
    </row>
    <row r="733" spans="1:8" s="10" customFormat="1" ht="45" customHeight="1" x14ac:dyDescent="0.15">
      <c r="A733" s="15" t="s">
        <v>122</v>
      </c>
      <c r="B733" s="18">
        <v>41</v>
      </c>
      <c r="C733" s="15" t="s">
        <v>774</v>
      </c>
      <c r="D733" s="15" t="s">
        <v>1363</v>
      </c>
      <c r="E733" s="16" t="s">
        <v>2051</v>
      </c>
      <c r="F733" s="15" t="s">
        <v>2649</v>
      </c>
      <c r="G733" s="15" t="s">
        <v>2219</v>
      </c>
      <c r="H733" s="10">
        <v>727</v>
      </c>
    </row>
    <row r="734" spans="1:8" s="10" customFormat="1" ht="45" customHeight="1" x14ac:dyDescent="0.15">
      <c r="A734" s="15" t="s">
        <v>122</v>
      </c>
      <c r="B734" s="18">
        <v>42</v>
      </c>
      <c r="C734" s="15" t="s">
        <v>775</v>
      </c>
      <c r="D734" s="15" t="s">
        <v>1357</v>
      </c>
      <c r="E734" s="16" t="s">
        <v>2052</v>
      </c>
      <c r="F734" s="15" t="s">
        <v>2640</v>
      </c>
      <c r="G734" s="15" t="s">
        <v>2196</v>
      </c>
      <c r="H734" s="10">
        <v>728</v>
      </c>
    </row>
    <row r="735" spans="1:8" s="10" customFormat="1" ht="45" customHeight="1" x14ac:dyDescent="0.15">
      <c r="A735" s="15" t="s">
        <v>122</v>
      </c>
      <c r="B735" s="18">
        <v>44</v>
      </c>
      <c r="C735" s="15" t="s">
        <v>776</v>
      </c>
      <c r="D735" s="15" t="s">
        <v>1364</v>
      </c>
      <c r="E735" s="16" t="s">
        <v>2053</v>
      </c>
      <c r="F735" s="15" t="s">
        <v>2651</v>
      </c>
      <c r="G735" s="15" t="s">
        <v>2196</v>
      </c>
      <c r="H735" s="10">
        <v>729</v>
      </c>
    </row>
    <row r="736" spans="1:8" s="10" customFormat="1" ht="45" customHeight="1" x14ac:dyDescent="0.15">
      <c r="A736" s="15" t="s">
        <v>122</v>
      </c>
      <c r="B736" s="18">
        <v>45</v>
      </c>
      <c r="C736" s="15" t="s">
        <v>777</v>
      </c>
      <c r="D736" s="15" t="s">
        <v>1365</v>
      </c>
      <c r="E736" s="16" t="s">
        <v>2054</v>
      </c>
      <c r="F736" s="15" t="s">
        <v>2640</v>
      </c>
      <c r="G736" s="15" t="s">
        <v>2196</v>
      </c>
      <c r="H736" s="10">
        <v>730</v>
      </c>
    </row>
    <row r="737" spans="1:8" s="10" customFormat="1" ht="45" customHeight="1" x14ac:dyDescent="0.15">
      <c r="A737" s="15" t="s">
        <v>122</v>
      </c>
      <c r="B737" s="18">
        <v>46</v>
      </c>
      <c r="C737" s="15" t="s">
        <v>778</v>
      </c>
      <c r="D737" s="15" t="s">
        <v>1353</v>
      </c>
      <c r="E737" s="16" t="s">
        <v>2055</v>
      </c>
      <c r="F737" s="15" t="s">
        <v>2652</v>
      </c>
      <c r="G737" s="15" t="s">
        <v>2196</v>
      </c>
      <c r="H737" s="10">
        <v>731</v>
      </c>
    </row>
    <row r="738" spans="1:8" s="10" customFormat="1" ht="45" customHeight="1" x14ac:dyDescent="0.15">
      <c r="A738" s="15" t="s">
        <v>122</v>
      </c>
      <c r="B738" s="18">
        <v>47</v>
      </c>
      <c r="C738" s="15" t="s">
        <v>779</v>
      </c>
      <c r="D738" s="15" t="s">
        <v>1366</v>
      </c>
      <c r="E738" s="16" t="s">
        <v>2056</v>
      </c>
      <c r="F738" s="15" t="s">
        <v>2653</v>
      </c>
      <c r="G738" s="15" t="s">
        <v>2196</v>
      </c>
      <c r="H738" s="10">
        <v>732</v>
      </c>
    </row>
    <row r="739" spans="1:8" s="10" customFormat="1" ht="45" customHeight="1" x14ac:dyDescent="0.15">
      <c r="A739" s="15" t="s">
        <v>122</v>
      </c>
      <c r="B739" s="18">
        <v>48</v>
      </c>
      <c r="C739" s="15" t="s">
        <v>780</v>
      </c>
      <c r="D739" s="15" t="s">
        <v>1367</v>
      </c>
      <c r="E739" s="16" t="s">
        <v>2057</v>
      </c>
      <c r="F739" s="15" t="s">
        <v>2654</v>
      </c>
      <c r="G739" s="15" t="s">
        <v>2196</v>
      </c>
      <c r="H739" s="10">
        <v>733</v>
      </c>
    </row>
    <row r="740" spans="1:8" s="10" customFormat="1" ht="45" customHeight="1" x14ac:dyDescent="0.15">
      <c r="A740" s="16" t="s">
        <v>122</v>
      </c>
      <c r="B740" s="17">
        <v>49</v>
      </c>
      <c r="C740" s="16" t="s">
        <v>781</v>
      </c>
      <c r="D740" s="15" t="s">
        <v>1355</v>
      </c>
      <c r="E740" s="15" t="s">
        <v>2058</v>
      </c>
      <c r="F740" s="16" t="s">
        <v>2655</v>
      </c>
      <c r="G740" s="15" t="s">
        <v>2196</v>
      </c>
      <c r="H740" s="10">
        <v>734</v>
      </c>
    </row>
    <row r="741" spans="1:8" s="10" customFormat="1" ht="45" customHeight="1" x14ac:dyDescent="0.15">
      <c r="A741" s="16" t="s">
        <v>122</v>
      </c>
      <c r="B741" s="17">
        <v>50</v>
      </c>
      <c r="C741" s="16" t="s">
        <v>782</v>
      </c>
      <c r="D741" s="15" t="s">
        <v>1353</v>
      </c>
      <c r="E741" s="15" t="s">
        <v>2059</v>
      </c>
      <c r="F741" s="16" t="s">
        <v>2656</v>
      </c>
      <c r="G741" s="15" t="s">
        <v>2204</v>
      </c>
      <c r="H741" s="10">
        <v>735</v>
      </c>
    </row>
    <row r="742" spans="1:8" s="10" customFormat="1" ht="45" customHeight="1" x14ac:dyDescent="0.15">
      <c r="A742" s="16" t="s">
        <v>122</v>
      </c>
      <c r="B742" s="17">
        <v>51</v>
      </c>
      <c r="C742" s="16" t="s">
        <v>783</v>
      </c>
      <c r="D742" s="15" t="s">
        <v>1365</v>
      </c>
      <c r="E742" s="15" t="s">
        <v>2060</v>
      </c>
      <c r="F742" s="16" t="s">
        <v>2657</v>
      </c>
      <c r="G742" s="15" t="s">
        <v>2204</v>
      </c>
      <c r="H742" s="10">
        <v>736</v>
      </c>
    </row>
    <row r="743" spans="1:8" s="10" customFormat="1" ht="45" customHeight="1" x14ac:dyDescent="0.15">
      <c r="A743" s="16" t="s">
        <v>122</v>
      </c>
      <c r="B743" s="17">
        <v>52</v>
      </c>
      <c r="C743" s="16" t="s">
        <v>784</v>
      </c>
      <c r="D743" s="15" t="s">
        <v>1368</v>
      </c>
      <c r="E743" s="15" t="s">
        <v>2053</v>
      </c>
      <c r="F743" s="16" t="s">
        <v>2658</v>
      </c>
      <c r="G743" s="15" t="s">
        <v>2204</v>
      </c>
      <c r="H743" s="10">
        <v>737</v>
      </c>
    </row>
    <row r="744" spans="1:8" s="10" customFormat="1" ht="45" customHeight="1" x14ac:dyDescent="0.15">
      <c r="A744" s="16" t="s">
        <v>122</v>
      </c>
      <c r="B744" s="17">
        <v>53</v>
      </c>
      <c r="C744" s="16" t="s">
        <v>785</v>
      </c>
      <c r="D744" s="15" t="s">
        <v>1368</v>
      </c>
      <c r="E744" s="15" t="s">
        <v>2053</v>
      </c>
      <c r="F744" s="16" t="s">
        <v>2319</v>
      </c>
      <c r="G744" s="15" t="s">
        <v>2204</v>
      </c>
      <c r="H744" s="10">
        <v>738</v>
      </c>
    </row>
    <row r="745" spans="1:8" s="10" customFormat="1" ht="45" customHeight="1" x14ac:dyDescent="0.15">
      <c r="A745" s="16" t="s">
        <v>122</v>
      </c>
      <c r="B745" s="17">
        <v>54</v>
      </c>
      <c r="C745" s="16" t="s">
        <v>786</v>
      </c>
      <c r="D745" s="15" t="s">
        <v>1358</v>
      </c>
      <c r="E745" s="15" t="s">
        <v>2046</v>
      </c>
      <c r="F745" s="16" t="s">
        <v>2634</v>
      </c>
      <c r="G745" s="15" t="s">
        <v>2204</v>
      </c>
      <c r="H745" s="10">
        <v>739</v>
      </c>
    </row>
    <row r="746" spans="1:8" s="10" customFormat="1" ht="45" customHeight="1" x14ac:dyDescent="0.15">
      <c r="A746" s="16" t="s">
        <v>122</v>
      </c>
      <c r="B746" s="17">
        <v>55</v>
      </c>
      <c r="C746" s="16" t="s">
        <v>787</v>
      </c>
      <c r="D746" s="15" t="s">
        <v>1355</v>
      </c>
      <c r="E746" s="15" t="s">
        <v>2061</v>
      </c>
      <c r="F746" s="16" t="s">
        <v>2401</v>
      </c>
      <c r="G746" s="15" t="s">
        <v>2204</v>
      </c>
      <c r="H746" s="10">
        <v>740</v>
      </c>
    </row>
    <row r="747" spans="1:8" s="10" customFormat="1" ht="45" customHeight="1" x14ac:dyDescent="0.15">
      <c r="A747" s="16" t="s">
        <v>122</v>
      </c>
      <c r="B747" s="17">
        <v>56</v>
      </c>
      <c r="C747" s="16" t="s">
        <v>788</v>
      </c>
      <c r="D747" s="15" t="s">
        <v>1369</v>
      </c>
      <c r="E747" s="15" t="s">
        <v>2062</v>
      </c>
      <c r="F747" s="16" t="s">
        <v>2659</v>
      </c>
      <c r="G747" s="15" t="s">
        <v>2204</v>
      </c>
      <c r="H747" s="10">
        <v>741</v>
      </c>
    </row>
    <row r="748" spans="1:8" s="10" customFormat="1" ht="45" customHeight="1" x14ac:dyDescent="0.15">
      <c r="A748" s="16" t="s">
        <v>122</v>
      </c>
      <c r="B748" s="17">
        <v>57</v>
      </c>
      <c r="C748" s="16" t="s">
        <v>789</v>
      </c>
      <c r="D748" s="15" t="s">
        <v>1370</v>
      </c>
      <c r="E748" s="15" t="s">
        <v>2063</v>
      </c>
      <c r="F748" s="16" t="s">
        <v>2319</v>
      </c>
      <c r="G748" s="15" t="s">
        <v>2204</v>
      </c>
      <c r="H748" s="10">
        <v>742</v>
      </c>
    </row>
    <row r="749" spans="1:8" s="10" customFormat="1" ht="45" customHeight="1" x14ac:dyDescent="0.15">
      <c r="A749" s="16" t="s">
        <v>122</v>
      </c>
      <c r="B749" s="17">
        <v>58</v>
      </c>
      <c r="C749" s="16" t="s">
        <v>790</v>
      </c>
      <c r="D749" s="15" t="s">
        <v>1371</v>
      </c>
      <c r="E749" s="15" t="s">
        <v>2064</v>
      </c>
      <c r="F749" s="16" t="s">
        <v>2660</v>
      </c>
      <c r="G749" s="15" t="s">
        <v>2204</v>
      </c>
      <c r="H749" s="10">
        <v>743</v>
      </c>
    </row>
    <row r="750" spans="1:8" s="10" customFormat="1" ht="45" customHeight="1" x14ac:dyDescent="0.15">
      <c r="A750" s="16" t="s">
        <v>122</v>
      </c>
      <c r="B750" s="17">
        <v>59</v>
      </c>
      <c r="C750" s="16" t="s">
        <v>791</v>
      </c>
      <c r="D750" s="15" t="s">
        <v>1372</v>
      </c>
      <c r="E750" s="15" t="s">
        <v>2065</v>
      </c>
      <c r="F750" s="16" t="s">
        <v>2644</v>
      </c>
      <c r="G750" s="15" t="s">
        <v>2204</v>
      </c>
      <c r="H750" s="10">
        <v>744</v>
      </c>
    </row>
    <row r="751" spans="1:8" s="10" customFormat="1" ht="45" customHeight="1" x14ac:dyDescent="0.15">
      <c r="A751" s="16" t="s">
        <v>122</v>
      </c>
      <c r="B751" s="17">
        <v>61</v>
      </c>
      <c r="C751" s="16" t="s">
        <v>792</v>
      </c>
      <c r="D751" s="15" t="s">
        <v>1373</v>
      </c>
      <c r="E751" s="15" t="s">
        <v>2066</v>
      </c>
      <c r="F751" s="16" t="s">
        <v>2661</v>
      </c>
      <c r="G751" s="15" t="s">
        <v>89</v>
      </c>
      <c r="H751" s="10">
        <v>745</v>
      </c>
    </row>
    <row r="752" spans="1:8" s="10" customFormat="1" ht="45" customHeight="1" x14ac:dyDescent="0.15">
      <c r="A752" s="16" t="s">
        <v>122</v>
      </c>
      <c r="B752" s="17">
        <v>62</v>
      </c>
      <c r="C752" s="16" t="s">
        <v>793</v>
      </c>
      <c r="D752" s="15" t="s">
        <v>1374</v>
      </c>
      <c r="E752" s="15" t="s">
        <v>2067</v>
      </c>
      <c r="F752" s="16" t="s">
        <v>2662</v>
      </c>
      <c r="G752" s="15" t="s">
        <v>89</v>
      </c>
      <c r="H752" s="10">
        <v>746</v>
      </c>
    </row>
    <row r="753" spans="1:8" s="10" customFormat="1" ht="45" customHeight="1" x14ac:dyDescent="0.15">
      <c r="A753" s="16" t="s">
        <v>122</v>
      </c>
      <c r="B753" s="17">
        <v>64</v>
      </c>
      <c r="C753" s="16" t="s">
        <v>794</v>
      </c>
      <c r="D753" s="15" t="s">
        <v>1375</v>
      </c>
      <c r="E753" s="15" t="s">
        <v>2068</v>
      </c>
      <c r="F753" s="16" t="s">
        <v>2663</v>
      </c>
      <c r="G753" s="15" t="s">
        <v>89</v>
      </c>
      <c r="H753" s="10">
        <v>747</v>
      </c>
    </row>
    <row r="754" spans="1:8" s="10" customFormat="1" ht="45" customHeight="1" x14ac:dyDescent="0.15">
      <c r="A754" s="16" t="s">
        <v>122</v>
      </c>
      <c r="B754" s="17">
        <v>65</v>
      </c>
      <c r="C754" s="16" t="s">
        <v>795</v>
      </c>
      <c r="D754" s="15" t="s">
        <v>1375</v>
      </c>
      <c r="E754" s="15" t="s">
        <v>2069</v>
      </c>
      <c r="F754" s="16" t="s">
        <v>2664</v>
      </c>
      <c r="G754" s="15" t="s">
        <v>2196</v>
      </c>
      <c r="H754" s="10">
        <v>748</v>
      </c>
    </row>
    <row r="755" spans="1:8" s="10" customFormat="1" ht="45" customHeight="1" x14ac:dyDescent="0.15">
      <c r="A755" s="16" t="s">
        <v>122</v>
      </c>
      <c r="B755" s="17">
        <v>66</v>
      </c>
      <c r="C755" s="16" t="s">
        <v>796</v>
      </c>
      <c r="D755" s="15" t="s">
        <v>1376</v>
      </c>
      <c r="E755" s="15" t="s">
        <v>2066</v>
      </c>
      <c r="F755" s="16" t="s">
        <v>2665</v>
      </c>
      <c r="G755" s="15" t="s">
        <v>2196</v>
      </c>
      <c r="H755" s="10">
        <v>749</v>
      </c>
    </row>
    <row r="756" spans="1:8" s="10" customFormat="1" ht="45" customHeight="1" x14ac:dyDescent="0.15">
      <c r="A756" s="16" t="s">
        <v>122</v>
      </c>
      <c r="B756" s="17">
        <v>67</v>
      </c>
      <c r="C756" s="16" t="s">
        <v>797</v>
      </c>
      <c r="D756" s="15" t="s">
        <v>1377</v>
      </c>
      <c r="E756" s="15" t="s">
        <v>2070</v>
      </c>
      <c r="F756" s="16" t="s">
        <v>2666</v>
      </c>
      <c r="G756" s="15" t="s">
        <v>2204</v>
      </c>
      <c r="H756" s="10">
        <v>750</v>
      </c>
    </row>
    <row r="757" spans="1:8" s="10" customFormat="1" ht="45" customHeight="1" x14ac:dyDescent="0.15">
      <c r="A757" s="16" t="s">
        <v>122</v>
      </c>
      <c r="B757" s="17">
        <v>68</v>
      </c>
      <c r="C757" s="16" t="s">
        <v>798</v>
      </c>
      <c r="D757" s="15" t="s">
        <v>1374</v>
      </c>
      <c r="E757" s="15" t="s">
        <v>2067</v>
      </c>
      <c r="F757" s="16" t="s">
        <v>2667</v>
      </c>
      <c r="G757" s="15" t="s">
        <v>2204</v>
      </c>
      <c r="H757" s="10">
        <v>751</v>
      </c>
    </row>
    <row r="758" spans="1:8" s="10" customFormat="1" ht="45" customHeight="1" x14ac:dyDescent="0.15">
      <c r="A758" s="16" t="s">
        <v>122</v>
      </c>
      <c r="B758" s="17">
        <v>69</v>
      </c>
      <c r="C758" s="16" t="s">
        <v>799</v>
      </c>
      <c r="D758" s="15" t="s">
        <v>1347</v>
      </c>
      <c r="E758" s="15" t="s">
        <v>2032</v>
      </c>
      <c r="F758" s="16" t="s">
        <v>2401</v>
      </c>
      <c r="G758" s="15" t="s">
        <v>2204</v>
      </c>
      <c r="H758" s="10">
        <v>752</v>
      </c>
    </row>
    <row r="759" spans="1:8" s="10" customFormat="1" ht="45" customHeight="1" x14ac:dyDescent="0.15">
      <c r="A759" s="16" t="s">
        <v>122</v>
      </c>
      <c r="B759" s="17">
        <v>70</v>
      </c>
      <c r="C759" s="16" t="s">
        <v>800</v>
      </c>
      <c r="D759" s="15" t="s">
        <v>1378</v>
      </c>
      <c r="E759" s="15" t="s">
        <v>2071</v>
      </c>
      <c r="F759" s="16" t="s">
        <v>2668</v>
      </c>
      <c r="G759" s="15" t="s">
        <v>2204</v>
      </c>
      <c r="H759" s="10">
        <v>753</v>
      </c>
    </row>
    <row r="760" spans="1:8" s="10" customFormat="1" ht="45" customHeight="1" x14ac:dyDescent="0.15">
      <c r="A760" s="16" t="s">
        <v>122</v>
      </c>
      <c r="B760" s="17">
        <v>73</v>
      </c>
      <c r="C760" s="16" t="s">
        <v>801</v>
      </c>
      <c r="D760" s="15" t="s">
        <v>1379</v>
      </c>
      <c r="E760" s="15" t="s">
        <v>2072</v>
      </c>
      <c r="F760" s="16" t="s">
        <v>2474</v>
      </c>
      <c r="G760" s="15" t="s">
        <v>89</v>
      </c>
      <c r="H760" s="10">
        <v>754</v>
      </c>
    </row>
    <row r="761" spans="1:8" s="10" customFormat="1" ht="45" customHeight="1" x14ac:dyDescent="0.15">
      <c r="A761" s="16" t="s">
        <v>122</v>
      </c>
      <c r="B761" s="17">
        <v>74</v>
      </c>
      <c r="C761" s="16" t="s">
        <v>802</v>
      </c>
      <c r="D761" s="15" t="s">
        <v>1379</v>
      </c>
      <c r="E761" s="15" t="s">
        <v>2073</v>
      </c>
      <c r="F761" s="16" t="s">
        <v>2669</v>
      </c>
      <c r="G761" s="15" t="s">
        <v>2196</v>
      </c>
      <c r="H761" s="10">
        <v>755</v>
      </c>
    </row>
    <row r="762" spans="1:8" s="10" customFormat="1" ht="45" customHeight="1" x14ac:dyDescent="0.15">
      <c r="A762" s="16" t="s">
        <v>122</v>
      </c>
      <c r="B762" s="17">
        <v>75</v>
      </c>
      <c r="C762" s="16" t="s">
        <v>803</v>
      </c>
      <c r="D762" s="15" t="s">
        <v>1380</v>
      </c>
      <c r="E762" s="15" t="s">
        <v>2074</v>
      </c>
      <c r="F762" s="16" t="s">
        <v>2670</v>
      </c>
      <c r="G762" s="15" t="s">
        <v>2219</v>
      </c>
      <c r="H762" s="10">
        <v>756</v>
      </c>
    </row>
    <row r="763" spans="1:8" s="10" customFormat="1" ht="45" customHeight="1" x14ac:dyDescent="0.15">
      <c r="A763" s="16" t="s">
        <v>122</v>
      </c>
      <c r="B763" s="17">
        <v>76</v>
      </c>
      <c r="C763" s="16" t="s">
        <v>804</v>
      </c>
      <c r="D763" s="15" t="s">
        <v>1381</v>
      </c>
      <c r="E763" s="15" t="s">
        <v>2075</v>
      </c>
      <c r="F763" s="16" t="s">
        <v>2671</v>
      </c>
      <c r="G763" s="15" t="s">
        <v>2219</v>
      </c>
      <c r="H763" s="10">
        <v>757</v>
      </c>
    </row>
    <row r="764" spans="1:8" s="10" customFormat="1" ht="45" customHeight="1" x14ac:dyDescent="0.15">
      <c r="A764" s="16" t="s">
        <v>122</v>
      </c>
      <c r="B764" s="17">
        <v>77</v>
      </c>
      <c r="C764" s="16" t="s">
        <v>805</v>
      </c>
      <c r="D764" s="15" t="s">
        <v>1382</v>
      </c>
      <c r="E764" s="15" t="s">
        <v>2076</v>
      </c>
      <c r="F764" s="16" t="s">
        <v>2646</v>
      </c>
      <c r="G764" s="15" t="s">
        <v>89</v>
      </c>
      <c r="H764" s="10">
        <v>758</v>
      </c>
    </row>
    <row r="765" spans="1:8" s="10" customFormat="1" ht="45" customHeight="1" x14ac:dyDescent="0.15">
      <c r="A765" s="16" t="s">
        <v>122</v>
      </c>
      <c r="B765" s="17">
        <v>78</v>
      </c>
      <c r="C765" s="16" t="s">
        <v>806</v>
      </c>
      <c r="D765" s="15" t="s">
        <v>1383</v>
      </c>
      <c r="E765" s="15" t="s">
        <v>2077</v>
      </c>
      <c r="F765" s="16" t="s">
        <v>2672</v>
      </c>
      <c r="G765" s="15" t="s">
        <v>89</v>
      </c>
      <c r="H765" s="10">
        <v>759</v>
      </c>
    </row>
    <row r="766" spans="1:8" s="10" customFormat="1" ht="45" customHeight="1" x14ac:dyDescent="0.15">
      <c r="A766" s="16" t="s">
        <v>122</v>
      </c>
      <c r="B766" s="17">
        <v>79</v>
      </c>
      <c r="C766" s="16" t="s">
        <v>807</v>
      </c>
      <c r="D766" s="15" t="s">
        <v>1384</v>
      </c>
      <c r="E766" s="15" t="s">
        <v>2078</v>
      </c>
      <c r="F766" s="16" t="s">
        <v>2673</v>
      </c>
      <c r="G766" s="15" t="s">
        <v>89</v>
      </c>
      <c r="H766" s="10">
        <v>760</v>
      </c>
    </row>
    <row r="767" spans="1:8" s="10" customFormat="1" ht="45" customHeight="1" x14ac:dyDescent="0.15">
      <c r="A767" s="16" t="s">
        <v>122</v>
      </c>
      <c r="B767" s="17">
        <v>80</v>
      </c>
      <c r="C767" s="16" t="s">
        <v>808</v>
      </c>
      <c r="D767" s="15" t="s">
        <v>1385</v>
      </c>
      <c r="E767" s="15" t="s">
        <v>2079</v>
      </c>
      <c r="F767" s="16" t="s">
        <v>2674</v>
      </c>
      <c r="G767" s="15" t="s">
        <v>2131</v>
      </c>
      <c r="H767" s="10">
        <v>761</v>
      </c>
    </row>
    <row r="768" spans="1:8" s="10" customFormat="1" ht="45" customHeight="1" x14ac:dyDescent="0.15">
      <c r="A768" s="16" t="s">
        <v>122</v>
      </c>
      <c r="B768" s="17">
        <v>81</v>
      </c>
      <c r="C768" s="16" t="s">
        <v>809</v>
      </c>
      <c r="D768" s="15" t="s">
        <v>1386</v>
      </c>
      <c r="E768" s="15" t="s">
        <v>2080</v>
      </c>
      <c r="F768" s="16" t="s">
        <v>2675</v>
      </c>
      <c r="G768" s="15" t="s">
        <v>2204</v>
      </c>
      <c r="H768" s="10">
        <v>762</v>
      </c>
    </row>
    <row r="769" spans="1:8" s="10" customFormat="1" ht="45" customHeight="1" x14ac:dyDescent="0.15">
      <c r="A769" s="16" t="s">
        <v>122</v>
      </c>
      <c r="B769" s="17">
        <v>82</v>
      </c>
      <c r="C769" s="16" t="s">
        <v>810</v>
      </c>
      <c r="D769" s="15" t="s">
        <v>81</v>
      </c>
      <c r="E769" s="15" t="s">
        <v>82</v>
      </c>
      <c r="F769" s="16" t="s">
        <v>2634</v>
      </c>
      <c r="G769" s="15" t="s">
        <v>2204</v>
      </c>
      <c r="H769" s="10">
        <v>763</v>
      </c>
    </row>
    <row r="770" spans="1:8" s="10" customFormat="1" ht="45" customHeight="1" x14ac:dyDescent="0.15">
      <c r="A770" s="16" t="s">
        <v>122</v>
      </c>
      <c r="B770" s="17">
        <v>83</v>
      </c>
      <c r="C770" s="16" t="s">
        <v>811</v>
      </c>
      <c r="D770" s="15" t="s">
        <v>1387</v>
      </c>
      <c r="E770" s="15" t="s">
        <v>2081</v>
      </c>
      <c r="F770" s="16" t="s">
        <v>2660</v>
      </c>
      <c r="G770" s="16" t="s">
        <v>2204</v>
      </c>
      <c r="H770" s="10">
        <v>764</v>
      </c>
    </row>
    <row r="771" spans="1:8" s="10" customFormat="1" ht="45" customHeight="1" x14ac:dyDescent="0.15">
      <c r="A771" s="16" t="s">
        <v>122</v>
      </c>
      <c r="B771" s="17">
        <v>84</v>
      </c>
      <c r="C771" s="16" t="s">
        <v>812</v>
      </c>
      <c r="D771" s="15" t="s">
        <v>1384</v>
      </c>
      <c r="E771" s="15" t="s">
        <v>2082</v>
      </c>
      <c r="F771" s="16" t="s">
        <v>2676</v>
      </c>
      <c r="G771" s="15" t="s">
        <v>2196</v>
      </c>
      <c r="H771" s="10">
        <v>765</v>
      </c>
    </row>
    <row r="772" spans="1:8" s="10" customFormat="1" ht="45" customHeight="1" x14ac:dyDescent="0.15">
      <c r="A772" s="16" t="s">
        <v>122</v>
      </c>
      <c r="B772" s="17">
        <v>85</v>
      </c>
      <c r="C772" s="16" t="s">
        <v>813</v>
      </c>
      <c r="D772" s="15" t="s">
        <v>1388</v>
      </c>
      <c r="E772" s="15" t="s">
        <v>2083</v>
      </c>
      <c r="F772" s="16" t="s">
        <v>2677</v>
      </c>
      <c r="G772" s="15" t="s">
        <v>2196</v>
      </c>
      <c r="H772" s="10">
        <v>766</v>
      </c>
    </row>
    <row r="773" spans="1:8" s="10" customFormat="1" ht="45" customHeight="1" x14ac:dyDescent="0.15">
      <c r="A773" s="16" t="s">
        <v>122</v>
      </c>
      <c r="B773" s="17">
        <v>86</v>
      </c>
      <c r="C773" s="16" t="s">
        <v>814</v>
      </c>
      <c r="D773" s="15" t="s">
        <v>1389</v>
      </c>
      <c r="E773" s="15" t="s">
        <v>2084</v>
      </c>
      <c r="F773" s="16" t="s">
        <v>2665</v>
      </c>
      <c r="G773" s="15" t="s">
        <v>2196</v>
      </c>
      <c r="H773" s="10">
        <v>767</v>
      </c>
    </row>
    <row r="774" spans="1:8" s="10" customFormat="1" ht="45" customHeight="1" x14ac:dyDescent="0.15">
      <c r="A774" s="16" t="s">
        <v>122</v>
      </c>
      <c r="B774" s="17">
        <v>87</v>
      </c>
      <c r="C774" s="16" t="s">
        <v>815</v>
      </c>
      <c r="D774" s="15" t="s">
        <v>1390</v>
      </c>
      <c r="E774" s="15" t="s">
        <v>2085</v>
      </c>
      <c r="F774" s="16" t="s">
        <v>2678</v>
      </c>
      <c r="G774" s="15" t="s">
        <v>2196</v>
      </c>
      <c r="H774" s="10">
        <v>768</v>
      </c>
    </row>
    <row r="775" spans="1:8" s="10" customFormat="1" ht="45" customHeight="1" x14ac:dyDescent="0.15">
      <c r="A775" s="16" t="s">
        <v>122</v>
      </c>
      <c r="B775" s="17">
        <v>89</v>
      </c>
      <c r="C775" s="16" t="s">
        <v>816</v>
      </c>
      <c r="D775" s="15" t="s">
        <v>1391</v>
      </c>
      <c r="E775" s="15" t="s">
        <v>2086</v>
      </c>
      <c r="F775" s="16" t="s">
        <v>2679</v>
      </c>
      <c r="G775" s="16" t="s">
        <v>89</v>
      </c>
      <c r="H775" s="10">
        <v>769</v>
      </c>
    </row>
    <row r="776" spans="1:8" s="10" customFormat="1" ht="45" customHeight="1" x14ac:dyDescent="0.15">
      <c r="A776" s="16" t="s">
        <v>122</v>
      </c>
      <c r="B776" s="17">
        <v>90</v>
      </c>
      <c r="C776" s="16" t="s">
        <v>817</v>
      </c>
      <c r="D776" s="15" t="s">
        <v>1392</v>
      </c>
      <c r="E776" s="15" t="s">
        <v>2087</v>
      </c>
      <c r="F776" s="16" t="s">
        <v>2366</v>
      </c>
      <c r="G776" s="15" t="s">
        <v>89</v>
      </c>
      <c r="H776" s="10">
        <v>770</v>
      </c>
    </row>
    <row r="777" spans="1:8" s="10" customFormat="1" ht="45" customHeight="1" x14ac:dyDescent="0.15">
      <c r="A777" s="16" t="s">
        <v>122</v>
      </c>
      <c r="B777" s="17">
        <v>91</v>
      </c>
      <c r="C777" s="16" t="s">
        <v>818</v>
      </c>
      <c r="D777" s="15" t="s">
        <v>1388</v>
      </c>
      <c r="E777" s="15" t="s">
        <v>2083</v>
      </c>
      <c r="F777" s="16" t="s">
        <v>2361</v>
      </c>
      <c r="G777" s="15" t="s">
        <v>89</v>
      </c>
      <c r="H777" s="10">
        <v>771</v>
      </c>
    </row>
    <row r="778" spans="1:8" s="10" customFormat="1" ht="45" customHeight="1" x14ac:dyDescent="0.15">
      <c r="A778" s="16" t="s">
        <v>122</v>
      </c>
      <c r="B778" s="17">
        <v>92</v>
      </c>
      <c r="C778" s="16" t="s">
        <v>819</v>
      </c>
      <c r="D778" s="15" t="s">
        <v>1393</v>
      </c>
      <c r="E778" s="15" t="s">
        <v>2088</v>
      </c>
      <c r="F778" s="16" t="s">
        <v>2680</v>
      </c>
      <c r="G778" s="15" t="s">
        <v>89</v>
      </c>
      <c r="H778" s="10">
        <v>772</v>
      </c>
    </row>
    <row r="779" spans="1:8" s="10" customFormat="1" ht="45" customHeight="1" x14ac:dyDescent="0.15">
      <c r="A779" s="16" t="s">
        <v>122</v>
      </c>
      <c r="B779" s="17">
        <v>93</v>
      </c>
      <c r="C779" s="16" t="s">
        <v>820</v>
      </c>
      <c r="D779" s="15" t="s">
        <v>1394</v>
      </c>
      <c r="E779" s="15" t="s">
        <v>2089</v>
      </c>
      <c r="F779" s="16" t="s">
        <v>2636</v>
      </c>
      <c r="G779" s="16" t="s">
        <v>2204</v>
      </c>
      <c r="H779" s="10">
        <v>773</v>
      </c>
    </row>
    <row r="780" spans="1:8" s="10" customFormat="1" ht="45" customHeight="1" x14ac:dyDescent="0.15">
      <c r="A780" s="16" t="s">
        <v>122</v>
      </c>
      <c r="B780" s="17">
        <v>94</v>
      </c>
      <c r="C780" s="16" t="s">
        <v>821</v>
      </c>
      <c r="D780" s="15" t="s">
        <v>1395</v>
      </c>
      <c r="E780" s="15" t="s">
        <v>2090</v>
      </c>
      <c r="F780" s="16" t="s">
        <v>2681</v>
      </c>
      <c r="G780" s="15" t="s">
        <v>2204</v>
      </c>
      <c r="H780" s="10">
        <v>774</v>
      </c>
    </row>
    <row r="781" spans="1:8" s="10" customFormat="1" ht="45" customHeight="1" x14ac:dyDescent="0.15">
      <c r="A781" s="16" t="s">
        <v>122</v>
      </c>
      <c r="B781" s="17">
        <v>95</v>
      </c>
      <c r="C781" s="16" t="s">
        <v>822</v>
      </c>
      <c r="D781" s="15" t="s">
        <v>1392</v>
      </c>
      <c r="E781" s="15" t="s">
        <v>2087</v>
      </c>
      <c r="F781" s="16" t="s">
        <v>2682</v>
      </c>
      <c r="G781" s="15" t="s">
        <v>2196</v>
      </c>
      <c r="H781" s="10">
        <v>775</v>
      </c>
    </row>
    <row r="782" spans="1:8" s="10" customFormat="1" ht="45" customHeight="1" x14ac:dyDescent="0.15">
      <c r="A782" s="16" t="s">
        <v>122</v>
      </c>
      <c r="B782" s="17">
        <v>96</v>
      </c>
      <c r="C782" s="16" t="s">
        <v>823</v>
      </c>
      <c r="D782" s="15" t="s">
        <v>1391</v>
      </c>
      <c r="E782" s="15" t="s">
        <v>2086</v>
      </c>
      <c r="F782" s="16" t="s">
        <v>2634</v>
      </c>
      <c r="G782" s="16" t="s">
        <v>2196</v>
      </c>
      <c r="H782" s="10">
        <v>776</v>
      </c>
    </row>
    <row r="783" spans="1:8" s="10" customFormat="1" ht="45" customHeight="1" x14ac:dyDescent="0.15">
      <c r="A783" s="16" t="s">
        <v>122</v>
      </c>
      <c r="B783" s="17">
        <v>97</v>
      </c>
      <c r="C783" s="16" t="s">
        <v>824</v>
      </c>
      <c r="D783" s="15" t="s">
        <v>1391</v>
      </c>
      <c r="E783" s="15" t="s">
        <v>2086</v>
      </c>
      <c r="F783" s="16" t="s">
        <v>2683</v>
      </c>
      <c r="G783" s="15" t="s">
        <v>88</v>
      </c>
      <c r="H783" s="10">
        <v>777</v>
      </c>
    </row>
    <row r="784" spans="1:8" s="10" customFormat="1" ht="45" customHeight="1" x14ac:dyDescent="0.15">
      <c r="A784" s="16" t="s">
        <v>122</v>
      </c>
      <c r="B784" s="17">
        <v>98</v>
      </c>
      <c r="C784" s="16" t="s">
        <v>825</v>
      </c>
      <c r="D784" s="15" t="s">
        <v>1394</v>
      </c>
      <c r="E784" s="15" t="s">
        <v>2091</v>
      </c>
      <c r="F784" s="16" t="s">
        <v>2627</v>
      </c>
      <c r="G784" s="16" t="s">
        <v>2196</v>
      </c>
      <c r="H784" s="10">
        <v>778</v>
      </c>
    </row>
    <row r="785" spans="1:8" s="10" customFormat="1" ht="45" customHeight="1" x14ac:dyDescent="0.15">
      <c r="A785" s="16" t="s">
        <v>122</v>
      </c>
      <c r="B785" s="17">
        <v>99</v>
      </c>
      <c r="C785" s="16" t="s">
        <v>826</v>
      </c>
      <c r="D785" s="15" t="s">
        <v>1396</v>
      </c>
      <c r="E785" s="15" t="s">
        <v>2092</v>
      </c>
      <c r="F785" s="16" t="s">
        <v>2684</v>
      </c>
      <c r="G785" s="16" t="s">
        <v>2223</v>
      </c>
      <c r="H785" s="10">
        <v>779</v>
      </c>
    </row>
    <row r="786" spans="1:8" s="10" customFormat="1" ht="45" customHeight="1" x14ac:dyDescent="0.15">
      <c r="A786" s="16" t="s">
        <v>122</v>
      </c>
      <c r="B786" s="17">
        <v>100</v>
      </c>
      <c r="C786" s="16" t="s">
        <v>827</v>
      </c>
      <c r="D786" s="15" t="s">
        <v>1397</v>
      </c>
      <c r="E786" s="15" t="s">
        <v>83</v>
      </c>
      <c r="F786" s="16" t="s">
        <v>2685</v>
      </c>
      <c r="G786" s="15" t="s">
        <v>89</v>
      </c>
      <c r="H786" s="10">
        <v>780</v>
      </c>
    </row>
    <row r="787" spans="1:8" s="10" customFormat="1" ht="45" customHeight="1" x14ac:dyDescent="0.15">
      <c r="A787" s="16" t="s">
        <v>122</v>
      </c>
      <c r="B787" s="17">
        <v>101</v>
      </c>
      <c r="C787" s="16" t="s">
        <v>828</v>
      </c>
      <c r="D787" s="15" t="s">
        <v>1398</v>
      </c>
      <c r="E787" s="15" t="s">
        <v>2093</v>
      </c>
      <c r="F787" s="16" t="s">
        <v>2686</v>
      </c>
      <c r="G787" s="15" t="s">
        <v>2131</v>
      </c>
      <c r="H787" s="10">
        <v>781</v>
      </c>
    </row>
    <row r="788" spans="1:8" s="10" customFormat="1" ht="45" customHeight="1" x14ac:dyDescent="0.15">
      <c r="A788" s="16" t="s">
        <v>122</v>
      </c>
      <c r="B788" s="17">
        <v>102</v>
      </c>
      <c r="C788" s="16" t="s">
        <v>829</v>
      </c>
      <c r="D788" s="15" t="s">
        <v>1399</v>
      </c>
      <c r="E788" s="15" t="s">
        <v>83</v>
      </c>
      <c r="F788" s="16" t="s">
        <v>2687</v>
      </c>
      <c r="G788" s="15" t="s">
        <v>2204</v>
      </c>
      <c r="H788" s="10">
        <v>782</v>
      </c>
    </row>
    <row r="789" spans="1:8" s="10" customFormat="1" ht="45" customHeight="1" x14ac:dyDescent="0.15">
      <c r="A789" s="16" t="s">
        <v>122</v>
      </c>
      <c r="B789" s="17">
        <v>103</v>
      </c>
      <c r="C789" s="16" t="s">
        <v>830</v>
      </c>
      <c r="D789" s="15" t="s">
        <v>1400</v>
      </c>
      <c r="E789" s="15" t="s">
        <v>2094</v>
      </c>
      <c r="F789" s="16" t="s">
        <v>2382</v>
      </c>
      <c r="G789" s="15" t="s">
        <v>89</v>
      </c>
      <c r="H789" s="10">
        <v>783</v>
      </c>
    </row>
    <row r="790" spans="1:8" s="10" customFormat="1" ht="45" customHeight="1" x14ac:dyDescent="0.15">
      <c r="A790" s="16" t="s">
        <v>122</v>
      </c>
      <c r="B790" s="17">
        <v>104</v>
      </c>
      <c r="C790" s="16" t="s">
        <v>831</v>
      </c>
      <c r="D790" s="15" t="s">
        <v>1400</v>
      </c>
      <c r="E790" s="15" t="s">
        <v>2094</v>
      </c>
      <c r="F790" s="16" t="s">
        <v>2688</v>
      </c>
      <c r="G790" s="16" t="s">
        <v>89</v>
      </c>
      <c r="H790" s="10">
        <v>784</v>
      </c>
    </row>
    <row r="791" spans="1:8" s="10" customFormat="1" ht="45" customHeight="1" x14ac:dyDescent="0.15">
      <c r="A791" s="16" t="s">
        <v>122</v>
      </c>
      <c r="B791" s="17">
        <v>105</v>
      </c>
      <c r="C791" s="16" t="s">
        <v>832</v>
      </c>
      <c r="D791" s="15" t="s">
        <v>1401</v>
      </c>
      <c r="E791" s="15" t="s">
        <v>2095</v>
      </c>
      <c r="F791" s="16" t="s">
        <v>2594</v>
      </c>
      <c r="G791" s="16" t="s">
        <v>89</v>
      </c>
      <c r="H791" s="10">
        <v>785</v>
      </c>
    </row>
    <row r="792" spans="1:8" s="10" customFormat="1" ht="45" customHeight="1" x14ac:dyDescent="0.15">
      <c r="A792" s="16" t="s">
        <v>122</v>
      </c>
      <c r="B792" s="17">
        <v>106</v>
      </c>
      <c r="C792" s="16" t="s">
        <v>833</v>
      </c>
      <c r="D792" s="15" t="s">
        <v>1402</v>
      </c>
      <c r="E792" s="15" t="s">
        <v>2096</v>
      </c>
      <c r="F792" s="16" t="s">
        <v>2689</v>
      </c>
      <c r="G792" s="16" t="s">
        <v>89</v>
      </c>
      <c r="H792" s="10">
        <v>786</v>
      </c>
    </row>
    <row r="793" spans="1:8" s="10" customFormat="1" ht="45" customHeight="1" x14ac:dyDescent="0.15">
      <c r="A793" s="16" t="s">
        <v>122</v>
      </c>
      <c r="B793" s="17">
        <v>109</v>
      </c>
      <c r="C793" s="16" t="s">
        <v>834</v>
      </c>
      <c r="D793" s="15" t="s">
        <v>1403</v>
      </c>
      <c r="E793" s="15" t="s">
        <v>2097</v>
      </c>
      <c r="F793" s="16" t="s">
        <v>2320</v>
      </c>
      <c r="G793" s="15" t="s">
        <v>2204</v>
      </c>
      <c r="H793" s="10">
        <v>787</v>
      </c>
    </row>
    <row r="794" spans="1:8" s="10" customFormat="1" ht="45" customHeight="1" x14ac:dyDescent="0.15">
      <c r="A794" s="16" t="s">
        <v>122</v>
      </c>
      <c r="B794" s="17">
        <v>110</v>
      </c>
      <c r="C794" s="16" t="s">
        <v>835</v>
      </c>
      <c r="D794" s="15" t="s">
        <v>1400</v>
      </c>
      <c r="E794" s="15" t="s">
        <v>2098</v>
      </c>
      <c r="F794" s="16" t="s">
        <v>2690</v>
      </c>
      <c r="G794" s="15" t="s">
        <v>2204</v>
      </c>
      <c r="H794" s="10">
        <v>788</v>
      </c>
    </row>
    <row r="795" spans="1:8" s="10" customFormat="1" ht="45" customHeight="1" x14ac:dyDescent="0.15">
      <c r="A795" s="16" t="s">
        <v>122</v>
      </c>
      <c r="B795" s="17">
        <v>111</v>
      </c>
      <c r="C795" s="16" t="s">
        <v>836</v>
      </c>
      <c r="D795" s="15" t="s">
        <v>1404</v>
      </c>
      <c r="E795" s="15" t="s">
        <v>2099</v>
      </c>
      <c r="F795" s="16" t="s">
        <v>2691</v>
      </c>
      <c r="G795" s="15" t="s">
        <v>2204</v>
      </c>
      <c r="H795" s="10">
        <v>789</v>
      </c>
    </row>
    <row r="796" spans="1:8" s="10" customFormat="1" ht="45" customHeight="1" x14ac:dyDescent="0.15">
      <c r="A796" s="16" t="s">
        <v>122</v>
      </c>
      <c r="B796" s="17">
        <v>112</v>
      </c>
      <c r="C796" s="16" t="s">
        <v>837</v>
      </c>
      <c r="D796" s="15" t="s">
        <v>1402</v>
      </c>
      <c r="E796" s="15" t="s">
        <v>2100</v>
      </c>
      <c r="F796" s="16" t="s">
        <v>2692</v>
      </c>
      <c r="G796" s="15" t="s">
        <v>2204</v>
      </c>
      <c r="H796" s="10">
        <v>790</v>
      </c>
    </row>
    <row r="797" spans="1:8" s="10" customFormat="1" ht="45" customHeight="1" x14ac:dyDescent="0.15">
      <c r="A797" s="16" t="s">
        <v>122</v>
      </c>
      <c r="B797" s="17">
        <v>113</v>
      </c>
      <c r="C797" s="16" t="s">
        <v>838</v>
      </c>
      <c r="D797" s="15" t="s">
        <v>1405</v>
      </c>
      <c r="E797" s="15" t="s">
        <v>2101</v>
      </c>
      <c r="F797" s="16" t="s">
        <v>2321</v>
      </c>
      <c r="G797" s="15" t="s">
        <v>2204</v>
      </c>
      <c r="H797" s="10">
        <v>791</v>
      </c>
    </row>
    <row r="798" spans="1:8" s="10" customFormat="1" ht="45" customHeight="1" x14ac:dyDescent="0.15">
      <c r="A798" s="16" t="s">
        <v>122</v>
      </c>
      <c r="B798" s="17">
        <v>114</v>
      </c>
      <c r="C798" s="16" t="s">
        <v>839</v>
      </c>
      <c r="D798" s="15" t="s">
        <v>1406</v>
      </c>
      <c r="E798" s="15" t="s">
        <v>2102</v>
      </c>
      <c r="F798" s="16" t="s">
        <v>2401</v>
      </c>
      <c r="G798" s="15" t="s">
        <v>2204</v>
      </c>
      <c r="H798" s="10">
        <v>792</v>
      </c>
    </row>
    <row r="799" spans="1:8" s="10" customFormat="1" ht="45" customHeight="1" x14ac:dyDescent="0.15">
      <c r="A799" s="16" t="s">
        <v>122</v>
      </c>
      <c r="B799" s="17">
        <v>115</v>
      </c>
      <c r="C799" s="16" t="s">
        <v>840</v>
      </c>
      <c r="D799" s="15" t="s">
        <v>1407</v>
      </c>
      <c r="E799" s="15" t="s">
        <v>2103</v>
      </c>
      <c r="F799" s="16" t="s">
        <v>2666</v>
      </c>
      <c r="G799" s="16" t="s">
        <v>2204</v>
      </c>
      <c r="H799" s="10">
        <v>793</v>
      </c>
    </row>
    <row r="800" spans="1:8" s="10" customFormat="1" ht="45" customHeight="1" x14ac:dyDescent="0.15">
      <c r="A800" s="16" t="s">
        <v>122</v>
      </c>
      <c r="B800" s="17">
        <v>116</v>
      </c>
      <c r="C800" s="16" t="s">
        <v>841</v>
      </c>
      <c r="D800" s="15" t="s">
        <v>1402</v>
      </c>
      <c r="E800" s="15" t="s">
        <v>2104</v>
      </c>
      <c r="F800" s="16" t="s">
        <v>2655</v>
      </c>
      <c r="G800" s="16" t="s">
        <v>2196</v>
      </c>
      <c r="H800" s="10">
        <v>794</v>
      </c>
    </row>
    <row r="801" spans="1:8" s="10" customFormat="1" ht="45" customHeight="1" x14ac:dyDescent="0.15">
      <c r="A801" s="16" t="s">
        <v>122</v>
      </c>
      <c r="B801" s="17">
        <v>117</v>
      </c>
      <c r="C801" s="16" t="s">
        <v>842</v>
      </c>
      <c r="D801" s="15" t="s">
        <v>1400</v>
      </c>
      <c r="E801" s="15" t="s">
        <v>2105</v>
      </c>
      <c r="F801" s="16" t="s">
        <v>2693</v>
      </c>
      <c r="G801" s="16" t="s">
        <v>2196</v>
      </c>
      <c r="H801" s="10">
        <v>795</v>
      </c>
    </row>
    <row r="802" spans="1:8" s="10" customFormat="1" ht="45" customHeight="1" x14ac:dyDescent="0.15">
      <c r="A802" s="16" t="s">
        <v>122</v>
      </c>
      <c r="B802" s="17">
        <v>118</v>
      </c>
      <c r="C802" s="16" t="s">
        <v>843</v>
      </c>
      <c r="D802" s="15" t="s">
        <v>1408</v>
      </c>
      <c r="E802" s="15" t="s">
        <v>2106</v>
      </c>
      <c r="F802" s="16" t="s">
        <v>2694</v>
      </c>
      <c r="G802" s="16" t="s">
        <v>89</v>
      </c>
      <c r="H802" s="10">
        <v>796</v>
      </c>
    </row>
    <row r="803" spans="1:8" s="10" customFormat="1" ht="45" customHeight="1" x14ac:dyDescent="0.15">
      <c r="A803" s="16" t="s">
        <v>122</v>
      </c>
      <c r="B803" s="17">
        <v>119</v>
      </c>
      <c r="C803" s="16" t="s">
        <v>844</v>
      </c>
      <c r="D803" s="15" t="s">
        <v>1391</v>
      </c>
      <c r="E803" s="15" t="s">
        <v>2086</v>
      </c>
      <c r="F803" s="16" t="s">
        <v>2695</v>
      </c>
      <c r="G803" s="16" t="s">
        <v>89</v>
      </c>
      <c r="H803" s="10">
        <v>797</v>
      </c>
    </row>
    <row r="804" spans="1:8" s="10" customFormat="1" ht="45" customHeight="1" x14ac:dyDescent="0.15">
      <c r="A804" s="16" t="s">
        <v>122</v>
      </c>
      <c r="B804" s="17">
        <v>120</v>
      </c>
      <c r="C804" s="16" t="s">
        <v>845</v>
      </c>
      <c r="D804" s="15" t="s">
        <v>1409</v>
      </c>
      <c r="E804" s="15" t="s">
        <v>2107</v>
      </c>
      <c r="F804" s="16" t="s">
        <v>2696</v>
      </c>
      <c r="G804" s="16" t="s">
        <v>2224</v>
      </c>
      <c r="H804" s="10">
        <v>798</v>
      </c>
    </row>
    <row r="805" spans="1:8" s="10" customFormat="1" ht="45" customHeight="1" x14ac:dyDescent="0.15">
      <c r="A805" s="16" t="s">
        <v>122</v>
      </c>
      <c r="B805" s="17">
        <v>121</v>
      </c>
      <c r="C805" s="16" t="s">
        <v>846</v>
      </c>
      <c r="D805" s="15" t="s">
        <v>1410</v>
      </c>
      <c r="E805" s="15" t="s">
        <v>2108</v>
      </c>
      <c r="F805" s="16" t="s">
        <v>2697</v>
      </c>
      <c r="G805" s="15" t="s">
        <v>89</v>
      </c>
      <c r="H805" s="10">
        <v>799</v>
      </c>
    </row>
    <row r="806" spans="1:8" s="10" customFormat="1" ht="45" customHeight="1" x14ac:dyDescent="0.15">
      <c r="A806" s="16" t="s">
        <v>122</v>
      </c>
      <c r="B806" s="17">
        <v>122</v>
      </c>
      <c r="C806" s="16" t="s">
        <v>847</v>
      </c>
      <c r="D806" s="15" t="s">
        <v>1411</v>
      </c>
      <c r="E806" s="15" t="s">
        <v>2109</v>
      </c>
      <c r="F806" s="16" t="s">
        <v>2698</v>
      </c>
      <c r="G806" s="15" t="s">
        <v>89</v>
      </c>
      <c r="H806" s="10">
        <v>800</v>
      </c>
    </row>
    <row r="807" spans="1:8" s="10" customFormat="1" ht="45" customHeight="1" x14ac:dyDescent="0.15">
      <c r="A807" s="16" t="s">
        <v>122</v>
      </c>
      <c r="B807" s="17">
        <v>123</v>
      </c>
      <c r="C807" s="16" t="s">
        <v>848</v>
      </c>
      <c r="D807" s="15" t="s">
        <v>1412</v>
      </c>
      <c r="E807" s="15" t="s">
        <v>2110</v>
      </c>
      <c r="F807" s="16" t="s">
        <v>2699</v>
      </c>
      <c r="G807" s="15" t="s">
        <v>89</v>
      </c>
      <c r="H807" s="10">
        <v>801</v>
      </c>
    </row>
    <row r="808" spans="1:8" s="10" customFormat="1" ht="45" customHeight="1" x14ac:dyDescent="0.15">
      <c r="A808" s="16" t="s">
        <v>122</v>
      </c>
      <c r="B808" s="17">
        <v>125</v>
      </c>
      <c r="C808" s="16" t="s">
        <v>849</v>
      </c>
      <c r="D808" s="15" t="s">
        <v>1413</v>
      </c>
      <c r="E808" s="15" t="s">
        <v>2111</v>
      </c>
      <c r="F808" s="16" t="s">
        <v>2700</v>
      </c>
      <c r="G808" s="15" t="s">
        <v>89</v>
      </c>
      <c r="H808" s="10">
        <v>802</v>
      </c>
    </row>
    <row r="809" spans="1:8" s="10" customFormat="1" ht="45" customHeight="1" x14ac:dyDescent="0.15">
      <c r="A809" s="16" t="s">
        <v>122</v>
      </c>
      <c r="B809" s="17">
        <v>126</v>
      </c>
      <c r="C809" s="16" t="s">
        <v>850</v>
      </c>
      <c r="D809" s="15" t="s">
        <v>1414</v>
      </c>
      <c r="E809" s="15" t="s">
        <v>2112</v>
      </c>
      <c r="F809" s="16" t="s">
        <v>2701</v>
      </c>
      <c r="G809" s="15" t="s">
        <v>2219</v>
      </c>
      <c r="H809" s="10">
        <v>803</v>
      </c>
    </row>
    <row r="810" spans="1:8" s="10" customFormat="1" ht="45" customHeight="1" x14ac:dyDescent="0.15">
      <c r="A810" s="16" t="s">
        <v>122</v>
      </c>
      <c r="B810" s="17">
        <v>127</v>
      </c>
      <c r="C810" s="16" t="s">
        <v>851</v>
      </c>
      <c r="D810" s="15" t="s">
        <v>1415</v>
      </c>
      <c r="E810" s="15" t="s">
        <v>2113</v>
      </c>
      <c r="F810" s="16" t="s">
        <v>2574</v>
      </c>
      <c r="G810" s="16" t="s">
        <v>89</v>
      </c>
      <c r="H810" s="10">
        <v>804</v>
      </c>
    </row>
    <row r="811" spans="1:8" s="10" customFormat="1" ht="45" customHeight="1" x14ac:dyDescent="0.15">
      <c r="A811" s="16" t="s">
        <v>122</v>
      </c>
      <c r="B811" s="17">
        <v>128</v>
      </c>
      <c r="C811" s="16" t="s">
        <v>852</v>
      </c>
      <c r="D811" s="15" t="s">
        <v>1416</v>
      </c>
      <c r="E811" s="15" t="s">
        <v>2114</v>
      </c>
      <c r="F811" s="16" t="s">
        <v>2597</v>
      </c>
      <c r="G811" s="15" t="s">
        <v>89</v>
      </c>
      <c r="H811" s="10">
        <v>805</v>
      </c>
    </row>
    <row r="812" spans="1:8" s="10" customFormat="1" ht="45" customHeight="1" x14ac:dyDescent="0.15">
      <c r="A812" s="16" t="s">
        <v>122</v>
      </c>
      <c r="B812" s="17">
        <v>129</v>
      </c>
      <c r="C812" s="16" t="s">
        <v>853</v>
      </c>
      <c r="D812" s="15" t="s">
        <v>1417</v>
      </c>
      <c r="E812" s="15" t="s">
        <v>2115</v>
      </c>
      <c r="F812" s="16" t="s">
        <v>2702</v>
      </c>
      <c r="G812" s="15" t="s">
        <v>89</v>
      </c>
      <c r="H812" s="10">
        <v>806</v>
      </c>
    </row>
    <row r="813" spans="1:8" s="10" customFormat="1" ht="45" customHeight="1" x14ac:dyDescent="0.15">
      <c r="A813" s="16" t="s">
        <v>122</v>
      </c>
      <c r="B813" s="17">
        <v>130</v>
      </c>
      <c r="C813" s="16" t="s">
        <v>854</v>
      </c>
      <c r="D813" s="15" t="s">
        <v>1418</v>
      </c>
      <c r="E813" s="15" t="s">
        <v>2116</v>
      </c>
      <c r="F813" s="16" t="s">
        <v>2662</v>
      </c>
      <c r="G813" s="15" t="s">
        <v>89</v>
      </c>
      <c r="H813" s="10">
        <v>807</v>
      </c>
    </row>
    <row r="814" spans="1:8" s="10" customFormat="1" ht="45" customHeight="1" x14ac:dyDescent="0.15">
      <c r="A814" s="16" t="s">
        <v>122</v>
      </c>
      <c r="B814" s="17">
        <v>131</v>
      </c>
      <c r="C814" s="16" t="s">
        <v>855</v>
      </c>
      <c r="D814" s="15" t="s">
        <v>1419</v>
      </c>
      <c r="E814" s="15" t="s">
        <v>2117</v>
      </c>
      <c r="F814" s="16" t="s">
        <v>2703</v>
      </c>
      <c r="G814" s="15" t="s">
        <v>89</v>
      </c>
      <c r="H814" s="10">
        <v>808</v>
      </c>
    </row>
    <row r="815" spans="1:8" s="10" customFormat="1" ht="45" customHeight="1" x14ac:dyDescent="0.15">
      <c r="A815" s="16" t="s">
        <v>122</v>
      </c>
      <c r="B815" s="17">
        <v>132</v>
      </c>
      <c r="C815" s="16" t="s">
        <v>856</v>
      </c>
      <c r="D815" s="15" t="s">
        <v>1420</v>
      </c>
      <c r="E815" s="15" t="s">
        <v>2118</v>
      </c>
      <c r="F815" s="16" t="s">
        <v>2704</v>
      </c>
      <c r="G815" s="15" t="s">
        <v>2196</v>
      </c>
      <c r="H815" s="10">
        <v>809</v>
      </c>
    </row>
    <row r="816" spans="1:8" s="10" customFormat="1" ht="45" customHeight="1" x14ac:dyDescent="0.15">
      <c r="A816" s="16" t="s">
        <v>122</v>
      </c>
      <c r="B816" s="17">
        <v>133</v>
      </c>
      <c r="C816" s="16" t="s">
        <v>857</v>
      </c>
      <c r="D816" s="15" t="s">
        <v>1418</v>
      </c>
      <c r="E816" s="15" t="s">
        <v>2119</v>
      </c>
      <c r="F816" s="16" t="s">
        <v>2322</v>
      </c>
      <c r="G816" s="16" t="s">
        <v>2196</v>
      </c>
      <c r="H816" s="10">
        <v>810</v>
      </c>
    </row>
    <row r="817" spans="1:8" s="10" customFormat="1" ht="45" customHeight="1" x14ac:dyDescent="0.15">
      <c r="A817" s="16" t="s">
        <v>122</v>
      </c>
      <c r="B817" s="17">
        <v>134</v>
      </c>
      <c r="C817" s="16" t="s">
        <v>858</v>
      </c>
      <c r="D817" s="15" t="s">
        <v>1421</v>
      </c>
      <c r="E817" s="15" t="s">
        <v>2120</v>
      </c>
      <c r="F817" s="16" t="s">
        <v>2705</v>
      </c>
      <c r="G817" s="16" t="s">
        <v>2196</v>
      </c>
      <c r="H817" s="10">
        <v>811</v>
      </c>
    </row>
    <row r="818" spans="1:8" s="10" customFormat="1" ht="45" customHeight="1" x14ac:dyDescent="0.15">
      <c r="A818" s="16" t="s">
        <v>122</v>
      </c>
      <c r="B818" s="17">
        <v>135</v>
      </c>
      <c r="C818" s="16" t="s">
        <v>859</v>
      </c>
      <c r="D818" s="15" t="s">
        <v>1422</v>
      </c>
      <c r="E818" s="15" t="s">
        <v>2121</v>
      </c>
      <c r="F818" s="16" t="s">
        <v>2706</v>
      </c>
      <c r="G818" s="15" t="s">
        <v>88</v>
      </c>
      <c r="H818" s="10">
        <v>812</v>
      </c>
    </row>
    <row r="819" spans="1:8" s="10" customFormat="1" ht="45" customHeight="1" x14ac:dyDescent="0.15">
      <c r="A819" s="16" t="s">
        <v>123</v>
      </c>
      <c r="B819" s="17">
        <v>136</v>
      </c>
      <c r="C819" s="16" t="s">
        <v>860</v>
      </c>
      <c r="D819" s="15" t="s">
        <v>1423</v>
      </c>
      <c r="E819" s="15" t="s">
        <v>2122</v>
      </c>
      <c r="F819" s="16" t="s">
        <v>2707</v>
      </c>
      <c r="G819" s="15" t="s">
        <v>2196</v>
      </c>
      <c r="H819" s="10">
        <v>813</v>
      </c>
    </row>
    <row r="820" spans="1:8" s="10" customFormat="1" ht="45" customHeight="1" x14ac:dyDescent="0.15">
      <c r="A820" s="16" t="s">
        <v>123</v>
      </c>
      <c r="B820" s="17">
        <v>137</v>
      </c>
      <c r="C820" s="16" t="s">
        <v>861</v>
      </c>
      <c r="D820" s="15" t="s">
        <v>1345</v>
      </c>
      <c r="E820" s="15" t="s">
        <v>2028</v>
      </c>
      <c r="F820" s="16" t="s">
        <v>2708</v>
      </c>
      <c r="G820" s="15" t="s">
        <v>2196</v>
      </c>
      <c r="H820" s="10">
        <v>814</v>
      </c>
    </row>
    <row r="821" spans="1:8" s="10" customFormat="1" ht="45" customHeight="1" x14ac:dyDescent="0.15">
      <c r="A821" s="16" t="s">
        <v>123</v>
      </c>
      <c r="B821" s="17">
        <v>138</v>
      </c>
      <c r="C821" s="16" t="s">
        <v>862</v>
      </c>
      <c r="D821" s="15" t="s">
        <v>1423</v>
      </c>
      <c r="E821" s="15" t="s">
        <v>2123</v>
      </c>
      <c r="F821" s="16" t="s">
        <v>2709</v>
      </c>
      <c r="G821" s="15" t="s">
        <v>2204</v>
      </c>
      <c r="H821" s="10">
        <v>815</v>
      </c>
    </row>
    <row r="822" spans="1:8" s="10" customFormat="1" ht="45" customHeight="1" x14ac:dyDescent="0.15">
      <c r="A822" s="16" t="s">
        <v>123</v>
      </c>
      <c r="B822" s="17">
        <v>139</v>
      </c>
      <c r="C822" s="16" t="s">
        <v>863</v>
      </c>
      <c r="D822" s="15" t="s">
        <v>1424</v>
      </c>
      <c r="E822" s="15" t="s">
        <v>2124</v>
      </c>
      <c r="F822" s="16" t="s">
        <v>2643</v>
      </c>
      <c r="G822" s="15" t="s">
        <v>2204</v>
      </c>
      <c r="H822" s="10">
        <v>816</v>
      </c>
    </row>
    <row r="823" spans="1:8" s="10" customFormat="1" ht="45" customHeight="1" x14ac:dyDescent="0.15">
      <c r="A823" s="16" t="s">
        <v>123</v>
      </c>
      <c r="B823" s="17">
        <v>140</v>
      </c>
      <c r="C823" s="16" t="s">
        <v>864</v>
      </c>
      <c r="D823" s="15" t="s">
        <v>1425</v>
      </c>
      <c r="E823" s="15" t="s">
        <v>2125</v>
      </c>
      <c r="F823" s="16" t="s">
        <v>2710</v>
      </c>
      <c r="G823" s="15" t="s">
        <v>2204</v>
      </c>
      <c r="H823" s="10">
        <v>817</v>
      </c>
    </row>
    <row r="824" spans="1:8" s="10" customFormat="1" ht="45" customHeight="1" x14ac:dyDescent="0.15">
      <c r="A824" s="16" t="s">
        <v>123</v>
      </c>
      <c r="B824" s="17">
        <v>141</v>
      </c>
      <c r="C824" s="16" t="s">
        <v>865</v>
      </c>
      <c r="D824" s="15" t="s">
        <v>1418</v>
      </c>
      <c r="E824" s="15" t="s">
        <v>84</v>
      </c>
      <c r="F824" s="16" t="s">
        <v>2711</v>
      </c>
      <c r="G824" s="15" t="s">
        <v>2204</v>
      </c>
      <c r="H824" s="10">
        <v>818</v>
      </c>
    </row>
    <row r="825" spans="1:8" s="10" customFormat="1" ht="45" customHeight="1" x14ac:dyDescent="0.15">
      <c r="A825" s="16" t="s">
        <v>123</v>
      </c>
      <c r="B825" s="17">
        <v>143</v>
      </c>
      <c r="C825" s="16" t="s">
        <v>866</v>
      </c>
      <c r="D825" s="15" t="s">
        <v>1426</v>
      </c>
      <c r="E825" s="15" t="s">
        <v>2126</v>
      </c>
      <c r="F825" s="16" t="s">
        <v>2328</v>
      </c>
      <c r="G825" s="15" t="s">
        <v>2131</v>
      </c>
      <c r="H825" s="10">
        <v>819</v>
      </c>
    </row>
    <row r="826" spans="1:8" s="10" customFormat="1" ht="45" customHeight="1" x14ac:dyDescent="0.15">
      <c r="A826" s="16" t="s">
        <v>123</v>
      </c>
      <c r="B826" s="17">
        <v>144</v>
      </c>
      <c r="C826" s="16" t="s">
        <v>867</v>
      </c>
      <c r="D826" s="15" t="s">
        <v>1427</v>
      </c>
      <c r="E826" s="15" t="s">
        <v>2127</v>
      </c>
      <c r="F826" s="16" t="s">
        <v>2712</v>
      </c>
      <c r="G826" s="15" t="s">
        <v>2131</v>
      </c>
      <c r="H826" s="10">
        <v>820</v>
      </c>
    </row>
    <row r="827" spans="1:8" s="10" customFormat="1" ht="45" customHeight="1" x14ac:dyDescent="0.15">
      <c r="A827" s="16" t="s">
        <v>123</v>
      </c>
      <c r="B827" s="17">
        <v>145</v>
      </c>
      <c r="C827" s="16" t="s">
        <v>868</v>
      </c>
      <c r="D827" s="15" t="s">
        <v>1428</v>
      </c>
      <c r="E827" s="15" t="s">
        <v>2128</v>
      </c>
      <c r="F827" s="16" t="s">
        <v>2713</v>
      </c>
      <c r="G827" s="15" t="s">
        <v>2196</v>
      </c>
      <c r="H827" s="10">
        <v>821</v>
      </c>
    </row>
    <row r="828" spans="1:8" s="10" customFormat="1" ht="45" customHeight="1" x14ac:dyDescent="0.15">
      <c r="A828" s="16" t="s">
        <v>123</v>
      </c>
      <c r="B828" s="17">
        <v>146</v>
      </c>
      <c r="C828" s="16" t="s">
        <v>869</v>
      </c>
      <c r="D828" s="15" t="s">
        <v>1428</v>
      </c>
      <c r="E828" s="15" t="s">
        <v>2128</v>
      </c>
      <c r="F828" s="16" t="s">
        <v>2683</v>
      </c>
      <c r="G828" s="15" t="s">
        <v>88</v>
      </c>
      <c r="H828" s="10">
        <v>822</v>
      </c>
    </row>
    <row r="829" spans="1:8" s="10" customFormat="1" ht="45" customHeight="1" x14ac:dyDescent="0.15">
      <c r="A829" s="16" t="s">
        <v>123</v>
      </c>
      <c r="B829" s="17">
        <v>147</v>
      </c>
      <c r="C829" s="16" t="s">
        <v>870</v>
      </c>
      <c r="D829" s="15" t="s">
        <v>1428</v>
      </c>
      <c r="E829" s="15" t="s">
        <v>2128</v>
      </c>
      <c r="F829" s="16" t="s">
        <v>2714</v>
      </c>
      <c r="G829" s="15" t="s">
        <v>2204</v>
      </c>
      <c r="H829" s="10">
        <v>823</v>
      </c>
    </row>
    <row r="830" spans="1:8" s="10" customFormat="1" ht="45" customHeight="1" x14ac:dyDescent="0.15">
      <c r="A830" s="16" t="s">
        <v>123</v>
      </c>
      <c r="B830" s="17">
        <v>148</v>
      </c>
      <c r="C830" s="16" t="s">
        <v>871</v>
      </c>
      <c r="D830" s="15" t="s">
        <v>1429</v>
      </c>
      <c r="E830" s="15" t="s">
        <v>2129</v>
      </c>
      <c r="F830" s="16" t="s">
        <v>2346</v>
      </c>
      <c r="G830" s="15" t="s">
        <v>2131</v>
      </c>
      <c r="H830" s="10">
        <v>824</v>
      </c>
    </row>
    <row r="831" spans="1:8" s="10" customFormat="1" ht="45" customHeight="1" x14ac:dyDescent="0.15">
      <c r="A831" s="16" t="s">
        <v>123</v>
      </c>
      <c r="B831" s="17">
        <v>149</v>
      </c>
      <c r="C831" s="16" t="s">
        <v>872</v>
      </c>
      <c r="D831" s="15" t="s">
        <v>1428</v>
      </c>
      <c r="E831" s="15" t="s">
        <v>2128</v>
      </c>
      <c r="F831" s="16" t="s">
        <v>2715</v>
      </c>
      <c r="G831" s="15" t="s">
        <v>89</v>
      </c>
      <c r="H831" s="10">
        <v>825</v>
      </c>
    </row>
    <row r="832" spans="1:8" s="10" customFormat="1" ht="45" customHeight="1" x14ac:dyDescent="0.15">
      <c r="A832" s="16" t="s">
        <v>123</v>
      </c>
      <c r="B832" s="17">
        <v>150</v>
      </c>
      <c r="C832" s="16" t="s">
        <v>873</v>
      </c>
      <c r="D832" s="15" t="s">
        <v>1428</v>
      </c>
      <c r="E832" s="15" t="s">
        <v>2128</v>
      </c>
      <c r="F832" s="16" t="s">
        <v>2716</v>
      </c>
      <c r="G832" s="16" t="s">
        <v>86</v>
      </c>
      <c r="H832" s="10">
        <v>826</v>
      </c>
    </row>
    <row r="833" spans="1:8" s="10" customFormat="1" ht="45" customHeight="1" x14ac:dyDescent="0.15">
      <c r="A833" s="16" t="s">
        <v>123</v>
      </c>
      <c r="B833" s="17">
        <v>151</v>
      </c>
      <c r="C833" s="16" t="s">
        <v>874</v>
      </c>
      <c r="D833" s="15" t="s">
        <v>1430</v>
      </c>
      <c r="E833" s="15" t="s">
        <v>2130</v>
      </c>
      <c r="F833" s="16" t="s">
        <v>2717</v>
      </c>
      <c r="G833" s="15" t="s">
        <v>2131</v>
      </c>
      <c r="H833" s="10">
        <v>827</v>
      </c>
    </row>
  </sheetData>
  <autoFilter ref="A6:G833"/>
  <sortState ref="A1:G833">
    <sortCondition ref="A1:A833"/>
    <sortCondition ref="B1:B833"/>
  </sortState>
  <phoneticPr fontId="1"/>
  <pageMargins left="0.23622047244094491" right="0.19685039370078741" top="0.31496062992125984" bottom="0.15748031496062992" header="0.31496062992125984" footer="0.31496062992125984"/>
  <pageSetup paperSize="9" scale="7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４工事</vt:lpstr>
      <vt:lpstr>'R４工事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30T05:17:39Z</cp:lastPrinted>
  <dcterms:created xsi:type="dcterms:W3CDTF">2019-05-29T01:11:02Z</dcterms:created>
  <dcterms:modified xsi:type="dcterms:W3CDTF">2025-09-02T23:37:24Z</dcterms:modified>
</cp:coreProperties>
</file>